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78\BLOCO II\CONTABILIDADE\IG - INFORMAÇÕES GERENCIAIS\Documentos - Informações Gerenciais\2022\LRF - 2022\Arquivos para Publicação 2022\RREO 3º Bim 2022 PUBLICAÇÃO\"/>
    </mc:Choice>
  </mc:AlternateContent>
  <bookViews>
    <workbookView xWindow="0" yWindow="0" windowWidth="28800" windowHeight="12330"/>
  </bookViews>
  <sheets>
    <sheet name="Anexo - 01 - Balanço Orçamentár" sheetId="1" r:id="rId1"/>
    <sheet name="Anexo - 01.1 - Despesas Corrent" sheetId="2" r:id="rId2"/>
    <sheet name="Anexo - 02 - Despesas por Funçã" sheetId="3" r:id="rId3"/>
    <sheet name="Anexo - 03 - Receita Corrente L" sheetId="4" r:id="rId4"/>
    <sheet name="Anexo - 04 - Receitas e Despesa" sheetId="5" r:id="rId5"/>
    <sheet name="Anexo - 06 - Resultado Primário" sheetId="6" r:id="rId6"/>
    <sheet name="Anexo - 07 - Restos a Pagar por" sheetId="7" r:id="rId7"/>
    <sheet name="Anexo - 08 - Receitas e Despesa" sheetId="8" r:id="rId8"/>
    <sheet name="Anexo - 08.1 - Despesa MDE-Cons" sheetId="9" r:id="rId9"/>
    <sheet name="Anexo - 12 - Receitas e Despesa" sheetId="10" r:id="rId10"/>
    <sheet name="Anexo - 12.1 - Despesas Saúde -" sheetId="11" r:id="rId11"/>
    <sheet name="Anexo - 13 - Parcerias Público-" sheetId="12" r:id="rId12"/>
    <sheet name="Anexo - 14 - Resumo Execução Or" sheetId="13" r:id="rId13"/>
  </sheets>
  <calcPr calcId="0"/>
</workbook>
</file>

<file path=xl/sharedStrings.xml><?xml version="1.0" encoding="utf-8"?>
<sst xmlns="http://schemas.openxmlformats.org/spreadsheetml/2006/main" count="3218" uniqueCount="1300">
  <si>
    <t>ESTADO DE MATO GROSSO DO SUL</t>
  </si>
  <si>
    <t>Relatório Resumido de Execução Orçamentária</t>
  </si>
  <si>
    <t>ANEXO 1 - RREO</t>
  </si>
  <si>
    <t>Orçamentos Fiscal e da Seguridade Social</t>
  </si>
  <si>
    <t>JANEIRO A JUNHO DE 2022 / BIMESTRE MAIO - JUNHO</t>
  </si>
  <si>
    <t>RREO - Anexo 1 (LRF, art. 52, inciso I, alíneas "a" e "b" do inciso II e §1º)</t>
  </si>
  <si>
    <t>Nº</t>
  </si>
  <si>
    <t/>
  </si>
  <si>
    <t>RECEITAS</t>
  </si>
  <si>
    <t>Previsão Inicial</t>
  </si>
  <si>
    <t>Previsão Atualizada (a)</t>
  </si>
  <si>
    <t>Receitas Realizadas</t>
  </si>
  <si>
    <t>No Bimestre (b)</t>
  </si>
  <si>
    <t>% (b/a)</t>
  </si>
  <si>
    <t>Até o Bimestre (c)</t>
  </si>
  <si>
    <t>% (c/a)</t>
  </si>
  <si>
    <t>Saldo (a - c)</t>
  </si>
  <si>
    <t>1</t>
  </si>
  <si>
    <t xml:space="preserve">      RECEITAS (EXCETO INTRA-ORÇAMENTÁRIAS) (I)</t>
  </si>
  <si>
    <t>2</t>
  </si>
  <si>
    <t xml:space="preserve">         RECEITAS CORRENTES</t>
  </si>
  <si>
    <t>3</t>
  </si>
  <si>
    <t xml:space="preserve">            IMPOSTOS, TAXAS E CONTRIBUIÇÕES DE MELHORIA</t>
  </si>
  <si>
    <t>4</t>
  </si>
  <si>
    <t xml:space="preserve">               Impostos</t>
  </si>
  <si>
    <t>5</t>
  </si>
  <si>
    <t xml:space="preserve">               Taxas</t>
  </si>
  <si>
    <t>6</t>
  </si>
  <si>
    <t xml:space="preserve">               Contribuição de Melhoria</t>
  </si>
  <si>
    <t>7</t>
  </si>
  <si>
    <t xml:space="preserve">            CONTRIBUIÇÕES</t>
  </si>
  <si>
    <t>8</t>
  </si>
  <si>
    <t xml:space="preserve">               Contribuições Sociais</t>
  </si>
  <si>
    <t>9</t>
  </si>
  <si>
    <t xml:space="preserve">               Contribuições Econômicas</t>
  </si>
  <si>
    <t>10</t>
  </si>
  <si>
    <t xml:space="preserve">               Contribuições para Entidades Privadas de Serviço Social e de Formação Profissional</t>
  </si>
  <si>
    <t>11</t>
  </si>
  <si>
    <t xml:space="preserve">               Contribuição para o Custeio do Serviço de Iluminação Pública</t>
  </si>
  <si>
    <t>12</t>
  </si>
  <si>
    <t xml:space="preserve">            RECEITA PATRIMONIAL</t>
  </si>
  <si>
    <t>13</t>
  </si>
  <si>
    <t xml:space="preserve">               Exploração do Patrimônio Imobiliário do Estado</t>
  </si>
  <si>
    <t>14</t>
  </si>
  <si>
    <t xml:space="preserve">               Valores Mobiliários</t>
  </si>
  <si>
    <t>15</t>
  </si>
  <si>
    <t xml:space="preserve">               Delegação de Serviços Públicos Mediante Concessão, Permissão, Autorização ou Licença</t>
  </si>
  <si>
    <t>16</t>
  </si>
  <si>
    <t xml:space="preserve">               Exploração de Recursos Naturais</t>
  </si>
  <si>
    <t>17</t>
  </si>
  <si>
    <t xml:space="preserve">               Exploração do Patrimônio Intangível</t>
  </si>
  <si>
    <t>18</t>
  </si>
  <si>
    <t xml:space="preserve">               Cessão de Direitos</t>
  </si>
  <si>
    <t>19</t>
  </si>
  <si>
    <t xml:space="preserve">               Demais Receitas Patrimoniais</t>
  </si>
  <si>
    <t>20</t>
  </si>
  <si>
    <t xml:space="preserve">            RECEITA AGROPECUÁRIA</t>
  </si>
  <si>
    <t>21</t>
  </si>
  <si>
    <t xml:space="preserve">            RECEITA INDUSTRIAL</t>
  </si>
  <si>
    <t>22</t>
  </si>
  <si>
    <t xml:space="preserve">            RECEITA DE SERVIÇOS</t>
  </si>
  <si>
    <t>23</t>
  </si>
  <si>
    <t xml:space="preserve">               Serviços Administrativos e Comerciais Gerais</t>
  </si>
  <si>
    <t>24</t>
  </si>
  <si>
    <t xml:space="preserve">               Serviços e Atividades Referentes à Navegação e ao Transporte</t>
  </si>
  <si>
    <t>25</t>
  </si>
  <si>
    <t xml:space="preserve">               Serviços e Atividades referentes à Saúde</t>
  </si>
  <si>
    <t>26</t>
  </si>
  <si>
    <t xml:space="preserve">               Serviços e Atividades Financeiras</t>
  </si>
  <si>
    <t>27</t>
  </si>
  <si>
    <t xml:space="preserve">               Outros Serviços</t>
  </si>
  <si>
    <t>28</t>
  </si>
  <si>
    <t xml:space="preserve">            TRANSFERÊNCIAS CORRENTES</t>
  </si>
  <si>
    <t>29</t>
  </si>
  <si>
    <t xml:space="preserve">               Transferências da União e de suas Entidades</t>
  </si>
  <si>
    <t>30</t>
  </si>
  <si>
    <t xml:space="preserve">               Transferências dos Estados e do Distrito Federal e de suas Entidades</t>
  </si>
  <si>
    <t>31</t>
  </si>
  <si>
    <t xml:space="preserve">               Transferências dos Municípios e de suas Entidades</t>
  </si>
  <si>
    <t>32</t>
  </si>
  <si>
    <t xml:space="preserve">               Transferências de Instituições Privadas</t>
  </si>
  <si>
    <t>33</t>
  </si>
  <si>
    <t xml:space="preserve">               Transferências de Outras Instituições Públicas</t>
  </si>
  <si>
    <t>34</t>
  </si>
  <si>
    <t xml:space="preserve">               Transferências do Exterior</t>
  </si>
  <si>
    <t>35</t>
  </si>
  <si>
    <t xml:space="preserve">               Outras Transferências</t>
  </si>
  <si>
    <t>36</t>
  </si>
  <si>
    <t xml:space="preserve">            OUTRAS RECEITAS CORRENTES</t>
  </si>
  <si>
    <t>37</t>
  </si>
  <si>
    <t xml:space="preserve">               Multas Administrativas, Contratuais e Judiciais</t>
  </si>
  <si>
    <t>38</t>
  </si>
  <si>
    <t xml:space="preserve">               Indenizações, Restituições e Ressarcimentos</t>
  </si>
  <si>
    <t>39</t>
  </si>
  <si>
    <t xml:space="preserve">               Bens, Direitos e Valores Incorporados ao Patrimônio Público</t>
  </si>
  <si>
    <t>40</t>
  </si>
  <si>
    <t xml:space="preserve">               Multas e Juros de Mora das Receitas de Capital</t>
  </si>
  <si>
    <t>41</t>
  </si>
  <si>
    <t xml:space="preserve">               Demais Receitas Correntes</t>
  </si>
  <si>
    <t>42</t>
  </si>
  <si>
    <t xml:space="preserve">         RECEITAS DE CAPITAL</t>
  </si>
  <si>
    <t>43</t>
  </si>
  <si>
    <t xml:space="preserve">            OPERAÇÕES DE CRÉDITO</t>
  </si>
  <si>
    <t>44</t>
  </si>
  <si>
    <t xml:space="preserve">               Operações de Crédito - Mercado Interno</t>
  </si>
  <si>
    <t>45</t>
  </si>
  <si>
    <t xml:space="preserve">               Operações de Crédito - Mercado Externo</t>
  </si>
  <si>
    <t>46</t>
  </si>
  <si>
    <t xml:space="preserve">            ALIENAÇÃO DE BENS</t>
  </si>
  <si>
    <t>47</t>
  </si>
  <si>
    <t xml:space="preserve">               Alienação de Bens Móveis</t>
  </si>
  <si>
    <t>48</t>
  </si>
  <si>
    <t xml:space="preserve">               Alienação de Bens Imóveis</t>
  </si>
  <si>
    <t>49</t>
  </si>
  <si>
    <t xml:space="preserve">               Alienação de Bens Intangíveis</t>
  </si>
  <si>
    <t>50</t>
  </si>
  <si>
    <t xml:space="preserve">            AMORTIZAÇÕES DE EMPRÉSTIMOS</t>
  </si>
  <si>
    <t>51</t>
  </si>
  <si>
    <t xml:space="preserve">            TRANSFERÊNCIAS DE CAPITAL</t>
  </si>
  <si>
    <t>52</t>
  </si>
  <si>
    <t>53</t>
  </si>
  <si>
    <t>54</t>
  </si>
  <si>
    <t>55</t>
  </si>
  <si>
    <t>56</t>
  </si>
  <si>
    <t>57</t>
  </si>
  <si>
    <t>58</t>
  </si>
  <si>
    <t xml:space="preserve">               Transferências de Pessoas Físicas</t>
  </si>
  <si>
    <t>59</t>
  </si>
  <si>
    <t xml:space="preserve">               Transferências Provenientes de Depósitos Não Identificados</t>
  </si>
  <si>
    <t>60</t>
  </si>
  <si>
    <t xml:space="preserve">            OUTRAS RECEITAS DE CAPITAL</t>
  </si>
  <si>
    <t>61</t>
  </si>
  <si>
    <t xml:space="preserve">               Integralização do Capital Social</t>
  </si>
  <si>
    <t>62</t>
  </si>
  <si>
    <t xml:space="preserve">               Remuneração das Disponibilidades do Tesouro</t>
  </si>
  <si>
    <t>63</t>
  </si>
  <si>
    <t xml:space="preserve">               Resgate de Títulos do Tesouro</t>
  </si>
  <si>
    <t>64</t>
  </si>
  <si>
    <t xml:space="preserve">               Demais Receitas de Capital</t>
  </si>
  <si>
    <t>65</t>
  </si>
  <si>
    <t xml:space="preserve">      RECEITAS (INTRA-ORÇAMENTÁRIAS) (II)</t>
  </si>
  <si>
    <t>66</t>
  </si>
  <si>
    <t xml:space="preserve">   SUBTOTAL DAS RECEITAS (III) = (I + II)</t>
  </si>
  <si>
    <t>67</t>
  </si>
  <si>
    <t xml:space="preserve">   OPERAÇÕES DE CRÉDITO / REFINANCIAMENTO  (IV)</t>
  </si>
  <si>
    <t>68</t>
  </si>
  <si>
    <t xml:space="preserve">      Operações de Crédito Internas</t>
  </si>
  <si>
    <t>69</t>
  </si>
  <si>
    <t xml:space="preserve">         Mobiliária</t>
  </si>
  <si>
    <t>70</t>
  </si>
  <si>
    <t xml:space="preserve">         Contratual</t>
  </si>
  <si>
    <t>71</t>
  </si>
  <si>
    <t xml:space="preserve">      Operações de Crédito Externas</t>
  </si>
  <si>
    <t>72</t>
  </si>
  <si>
    <t>73</t>
  </si>
  <si>
    <t>74</t>
  </si>
  <si>
    <t>TOTAL DAS RECEITAS (V) = (III + IV)</t>
  </si>
  <si>
    <t>75</t>
  </si>
  <si>
    <t>DÉFICIT (VI)1</t>
  </si>
  <si>
    <t>76</t>
  </si>
  <si>
    <t>TOTAL COM DÉFICIT (VII) = (V + VI)</t>
  </si>
  <si>
    <t>77</t>
  </si>
  <si>
    <t>SALDOS DE EXERCÍCIOS ANTERIORES</t>
  </si>
  <si>
    <t>78</t>
  </si>
  <si>
    <t>Recursos Arrecadados em Exercícios Anteriores - RPPS</t>
  </si>
  <si>
    <t>79</t>
  </si>
  <si>
    <t>Superávit Financeiro Utilizado para Créditos Adicionais</t>
  </si>
  <si>
    <t>DESPESAS</t>
  </si>
  <si>
    <t>Dotação Inicial (d)</t>
  </si>
  <si>
    <t>Dotação Atualizada (e)</t>
  </si>
  <si>
    <t>Despesas Empenhadas</t>
  </si>
  <si>
    <t>No Bimestre</t>
  </si>
  <si>
    <t xml:space="preserve">Até o Bimestre (f) </t>
  </si>
  <si>
    <t>Saldo (g) = (e-f)</t>
  </si>
  <si>
    <t>Despesas Liquidadas</t>
  </si>
  <si>
    <t xml:space="preserve">Até o Bimestre (h) </t>
  </si>
  <si>
    <t>Saldo (i) = (e-h)</t>
  </si>
  <si>
    <t>Despesas Pagas Até o Bimestre (j)</t>
  </si>
  <si>
    <t>80</t>
  </si>
  <si>
    <t xml:space="preserve">      DESPESAS (EXCETO INTRA-ORÇAMENTÁRIAS) (VIII)</t>
  </si>
  <si>
    <t>81</t>
  </si>
  <si>
    <t xml:space="preserve">         DESPESAS CORRENTES</t>
  </si>
  <si>
    <t>82</t>
  </si>
  <si>
    <t xml:space="preserve">            PESSOAL E ENCARGOS SOCIAIS</t>
  </si>
  <si>
    <t>83</t>
  </si>
  <si>
    <t xml:space="preserve">            JUROS E ENCARGOS DA DÍVIDA</t>
  </si>
  <si>
    <t>84</t>
  </si>
  <si>
    <t xml:space="preserve">            OUTRAS DESPESAS CORRENTES</t>
  </si>
  <si>
    <t>85</t>
  </si>
  <si>
    <t xml:space="preserve">               Transferências a Municípios²</t>
  </si>
  <si>
    <t>86</t>
  </si>
  <si>
    <t xml:space="preserve">               Demais Despesas Correntes²</t>
  </si>
  <si>
    <t>87</t>
  </si>
  <si>
    <t xml:space="preserve">         DESPESAS DE CAPITAL</t>
  </si>
  <si>
    <t>88</t>
  </si>
  <si>
    <t xml:space="preserve">            INVESTIMENTOS</t>
  </si>
  <si>
    <t>89</t>
  </si>
  <si>
    <t xml:space="preserve">            INVERSÕES FINANCEIRAS</t>
  </si>
  <si>
    <t>90</t>
  </si>
  <si>
    <t xml:space="preserve">            AMORTIZAÇÃO DA DÍVIDA</t>
  </si>
  <si>
    <t>91</t>
  </si>
  <si>
    <t xml:space="preserve">         RESERVA DE CONTINGÊNCIA</t>
  </si>
  <si>
    <t>92</t>
  </si>
  <si>
    <t xml:space="preserve">      DESPESAS (INTRA-ORÇAMENTÁRIAS) (IX)</t>
  </si>
  <si>
    <t>93</t>
  </si>
  <si>
    <t xml:space="preserve">   SUBTOTAL DAS DESPESAS (X) = (VIII + IX)</t>
  </si>
  <si>
    <t>94</t>
  </si>
  <si>
    <t xml:space="preserve">   AMORTIZAÇÃO DA DÍV. / REFINANCIAMENTO (XI)</t>
  </si>
  <si>
    <t>95</t>
  </si>
  <si>
    <t xml:space="preserve">      Amortização da Dívida Interna</t>
  </si>
  <si>
    <t>96</t>
  </si>
  <si>
    <t xml:space="preserve">         Dívida Mobiliária</t>
  </si>
  <si>
    <t>97</t>
  </si>
  <si>
    <t xml:space="preserve">         Dívida Contratual</t>
  </si>
  <si>
    <t>98</t>
  </si>
  <si>
    <t xml:space="preserve">      Amortização da Dívida Externa</t>
  </si>
  <si>
    <t>99</t>
  </si>
  <si>
    <t>100</t>
  </si>
  <si>
    <t>101</t>
  </si>
  <si>
    <t>TOTAL DAS DESPESAS (XII) = (X + XI)</t>
  </si>
  <si>
    <t>102</t>
  </si>
  <si>
    <t>SUPERÁVIT (XIII)</t>
  </si>
  <si>
    <t>103</t>
  </si>
  <si>
    <t>TOTAL COM SUPERÁVIT (XIV) = (XII + XIII)</t>
  </si>
  <si>
    <t>104</t>
  </si>
  <si>
    <t>RESERVA DO RPPS</t>
  </si>
  <si>
    <t>RECEITAS (INTRA-ORÇAMENTÁRIAS)</t>
  </si>
  <si>
    <t>105</t>
  </si>
  <si>
    <t>RECEITAS (INTRA-ORÇAMENTÁRIAS) (II)</t>
  </si>
  <si>
    <t>106</t>
  </si>
  <si>
    <t>RECEITAS CORRENTES</t>
  </si>
  <si>
    <t>107</t>
  </si>
  <si>
    <t xml:space="preserve">   IMPOSTOS, TAXAS E CONTRIBUIÇÕES DE MELHORIA</t>
  </si>
  <si>
    <t>108</t>
  </si>
  <si>
    <t xml:space="preserve">      Impostos</t>
  </si>
  <si>
    <t>109</t>
  </si>
  <si>
    <t xml:space="preserve">      Taxas</t>
  </si>
  <si>
    <t>110</t>
  </si>
  <si>
    <t xml:space="preserve">      Contribuição de Melhoria</t>
  </si>
  <si>
    <t>111</t>
  </si>
  <si>
    <t xml:space="preserve">   CONTRIBUIÇÕES</t>
  </si>
  <si>
    <t>112</t>
  </si>
  <si>
    <t xml:space="preserve">      Contribuições Sociais</t>
  </si>
  <si>
    <t>113</t>
  </si>
  <si>
    <t xml:space="preserve">      Contribuições Econômicas</t>
  </si>
  <si>
    <t>114</t>
  </si>
  <si>
    <t xml:space="preserve">      Contribuições para Entidades Privadas de Serviço Social e de Formação Profissional</t>
  </si>
  <si>
    <t>115</t>
  </si>
  <si>
    <t xml:space="preserve">      Contribuição para o Custeio do Serviço de Iluminação Pública</t>
  </si>
  <si>
    <t>116</t>
  </si>
  <si>
    <t xml:space="preserve">   RECEITA PATRIMONIAL</t>
  </si>
  <si>
    <t>117</t>
  </si>
  <si>
    <t xml:space="preserve">      Exploração do Patrimônio Imobiliário do Estado</t>
  </si>
  <si>
    <t>118</t>
  </si>
  <si>
    <t xml:space="preserve">      Valores Mobiliários</t>
  </si>
  <si>
    <t>119</t>
  </si>
  <si>
    <t xml:space="preserve">      Delegação de Serviços Públicos Mediante Concessão, Permissão, Autorização ou Licença</t>
  </si>
  <si>
    <t>120</t>
  </si>
  <si>
    <t xml:space="preserve">      Exploração de Recursos Naturais</t>
  </si>
  <si>
    <t>121</t>
  </si>
  <si>
    <t xml:space="preserve">      Exploração do Patrimônio Intangível</t>
  </si>
  <si>
    <t>122</t>
  </si>
  <si>
    <t xml:space="preserve">      Cessão de Direitos</t>
  </si>
  <si>
    <t>123</t>
  </si>
  <si>
    <t xml:space="preserve">      Demais Receitas Patrimoniais</t>
  </si>
  <si>
    <t>124</t>
  </si>
  <si>
    <t xml:space="preserve">   RECEITA AGROPECUÁRIA</t>
  </si>
  <si>
    <t>125</t>
  </si>
  <si>
    <t xml:space="preserve">   RECEITA INDUSTRIAL</t>
  </si>
  <si>
    <t>126</t>
  </si>
  <si>
    <t xml:space="preserve">   RECEITA DE SERVIÇOS</t>
  </si>
  <si>
    <t>127</t>
  </si>
  <si>
    <t xml:space="preserve">      Serviços Administrativos e Comerciais Gerais</t>
  </si>
  <si>
    <t>128</t>
  </si>
  <si>
    <t xml:space="preserve">      Serviços e Atividades Referentes à Navegação e ao Transporte</t>
  </si>
  <si>
    <t>129</t>
  </si>
  <si>
    <t xml:space="preserve">      Serviços e Atividades referentes à Saúde</t>
  </si>
  <si>
    <t>130</t>
  </si>
  <si>
    <t xml:space="preserve">      Serviços e Atividades Financeiras</t>
  </si>
  <si>
    <t>131</t>
  </si>
  <si>
    <t xml:space="preserve">      Outros Serviços</t>
  </si>
  <si>
    <t>132</t>
  </si>
  <si>
    <t xml:space="preserve">   TRANSFERÊNCIAS CORRENTES</t>
  </si>
  <si>
    <t>133</t>
  </si>
  <si>
    <t xml:space="preserve">      Transferências da União e de suas Entidades</t>
  </si>
  <si>
    <t>134</t>
  </si>
  <si>
    <t xml:space="preserve">      Transferências dos Estados e do Distrito Federal e de suas Entidades</t>
  </si>
  <si>
    <t>135</t>
  </si>
  <si>
    <t xml:space="preserve">      Transferências dos Municípios e de suas Entidades</t>
  </si>
  <si>
    <t>136</t>
  </si>
  <si>
    <t xml:space="preserve">      Transferências de Instituições Privadas</t>
  </si>
  <si>
    <t>137</t>
  </si>
  <si>
    <t xml:space="preserve">      Transferências de Outras Instituições Públicas</t>
  </si>
  <si>
    <t>138</t>
  </si>
  <si>
    <t xml:space="preserve">      Transferências do Exterior</t>
  </si>
  <si>
    <t>139</t>
  </si>
  <si>
    <t xml:space="preserve">      Outras Transferências</t>
  </si>
  <si>
    <t>140</t>
  </si>
  <si>
    <t xml:space="preserve">   OUTRAS RECEITAS CORRENTES</t>
  </si>
  <si>
    <t>141</t>
  </si>
  <si>
    <t xml:space="preserve">      Multas Administrativas, Contratuais e Judiciais</t>
  </si>
  <si>
    <t>142</t>
  </si>
  <si>
    <t xml:space="preserve">      Indenizações, Restituições e Ressarcimentos</t>
  </si>
  <si>
    <t>143</t>
  </si>
  <si>
    <t xml:space="preserve">      Bens, Direitos e Valores Incorporados ao Patrimônio Público</t>
  </si>
  <si>
    <t>144</t>
  </si>
  <si>
    <t xml:space="preserve">      Multas e Juros de Mora das Receitas de Capital</t>
  </si>
  <si>
    <t>145</t>
  </si>
  <si>
    <t xml:space="preserve">      Demais Receitas Correntes</t>
  </si>
  <si>
    <t>146</t>
  </si>
  <si>
    <t>RECEITAS DE CAPITAL</t>
  </si>
  <si>
    <t>147</t>
  </si>
  <si>
    <t xml:space="preserve">   OPERAÇÕES DE CRÉDITO</t>
  </si>
  <si>
    <t>148</t>
  </si>
  <si>
    <t xml:space="preserve">      Operações de Crédito - Mercado Interno</t>
  </si>
  <si>
    <t>149</t>
  </si>
  <si>
    <t xml:space="preserve">      Operações de Crédito - Mercado Externo</t>
  </si>
  <si>
    <t>150</t>
  </si>
  <si>
    <t xml:space="preserve">   ALIENAÇÃO DE BENS</t>
  </si>
  <si>
    <t>151</t>
  </si>
  <si>
    <t xml:space="preserve">      Alienação de Bens Móveis</t>
  </si>
  <si>
    <t>152</t>
  </si>
  <si>
    <t xml:space="preserve">      Alienação de Bens Imóveis</t>
  </si>
  <si>
    <t>153</t>
  </si>
  <si>
    <t xml:space="preserve">      Alienação de Bens Intangíveis</t>
  </si>
  <si>
    <t>154</t>
  </si>
  <si>
    <t xml:space="preserve">   AMORTIZAÇÕES DE EMPRÉSTIMOS</t>
  </si>
  <si>
    <t>155</t>
  </si>
  <si>
    <t xml:space="preserve">   TRANSFERÊNCIAS DE CAPITAL</t>
  </si>
  <si>
    <t>156</t>
  </si>
  <si>
    <t>157</t>
  </si>
  <si>
    <t>158</t>
  </si>
  <si>
    <t>159</t>
  </si>
  <si>
    <t>160</t>
  </si>
  <si>
    <t>161</t>
  </si>
  <si>
    <t>162</t>
  </si>
  <si>
    <t xml:space="preserve">      Transferências de Pessoas Físicas</t>
  </si>
  <si>
    <t>163</t>
  </si>
  <si>
    <t xml:space="preserve">      Transferências Provenientes de Depósitos Não Identificados</t>
  </si>
  <si>
    <t>164</t>
  </si>
  <si>
    <t xml:space="preserve">   OUTRAS RECEITAS DE CAPITAL</t>
  </si>
  <si>
    <t>165</t>
  </si>
  <si>
    <t xml:space="preserve">      Integralização do Capital Social</t>
  </si>
  <si>
    <t>166</t>
  </si>
  <si>
    <t xml:space="preserve">      Remuneração das Disponibilidades do Tesouro</t>
  </si>
  <si>
    <t>167</t>
  </si>
  <si>
    <t xml:space="preserve">      Resgate de Títulos do Tesouro       </t>
  </si>
  <si>
    <t>168</t>
  </si>
  <si>
    <t xml:space="preserve">      Demais Receitas de Capital</t>
  </si>
  <si>
    <t>DESPESAS (INTRA-ORÇAMENTÁRIAS)</t>
  </si>
  <si>
    <t>169</t>
  </si>
  <si>
    <t>DESPESAS (INTRA-ORÇAMENTÁRIAS) (IX)</t>
  </si>
  <si>
    <t>170</t>
  </si>
  <si>
    <t>DESPESAS CORRENTES</t>
  </si>
  <si>
    <t>171</t>
  </si>
  <si>
    <t xml:space="preserve">   PESSOAL E ENCARGOS SOCIAIS</t>
  </si>
  <si>
    <t>172</t>
  </si>
  <si>
    <t xml:space="preserve">   JUROS E ENCARGOS DA DÍVIDA</t>
  </si>
  <si>
    <t>173</t>
  </si>
  <si>
    <t xml:space="preserve">   OUTRAS DESPESAS CORRENTES</t>
  </si>
  <si>
    <t>174</t>
  </si>
  <si>
    <t>DESPESAS DE CAPITAL</t>
  </si>
  <si>
    <t>175</t>
  </si>
  <si>
    <t xml:space="preserve">   INVESTIMENTOS</t>
  </si>
  <si>
    <t>176</t>
  </si>
  <si>
    <t xml:space="preserve">   INVERSÕES FINANCEIRAS</t>
  </si>
  <si>
    <t>177</t>
  </si>
  <si>
    <t xml:space="preserve">   AMORTIZAÇÃO DA DÍVIDA</t>
  </si>
  <si>
    <t>178</t>
  </si>
  <si>
    <t>RESERVA DE CONTIGÊNCIA</t>
  </si>
  <si>
    <t>ANEXO 21 - RREO</t>
  </si>
  <si>
    <t>RREO - Anexo 1.1 (Art. 167-A da CF/88)</t>
  </si>
  <si>
    <t>Evolução da Receita Realizada nos últimos 12 meses</t>
  </si>
  <si>
    <t>Jul/2021</t>
  </si>
  <si>
    <t>Ago/2021</t>
  </si>
  <si>
    <t>Set/2021</t>
  </si>
  <si>
    <t>Out/2021</t>
  </si>
  <si>
    <t>Nov/2021</t>
  </si>
  <si>
    <t>Dez/2021</t>
  </si>
  <si>
    <t>Jan/2022</t>
  </si>
  <si>
    <t>Fev/2022</t>
  </si>
  <si>
    <t>Mar/2022</t>
  </si>
  <si>
    <t>Abr/2022</t>
  </si>
  <si>
    <t>Mai/2022</t>
  </si>
  <si>
    <t>Jun/2022</t>
  </si>
  <si>
    <t>Total dos Últimos 12 meses (a)</t>
  </si>
  <si>
    <t>RECEITAS CORRENTES ¹</t>
  </si>
  <si>
    <t>RECEITAS CORRENTES (EXCETO INTRA-ORÇAMENTÁRIAS)</t>
  </si>
  <si>
    <t xml:space="preserve"> DESPESAS CORRENTES</t>
  </si>
  <si>
    <t>Evolução da Despesa Liquidada nos últimos 12 meses</t>
  </si>
  <si>
    <t>Total dos Últimos 12 meses (b)</t>
  </si>
  <si>
    <t>Restos a Pagar NÃO Processados Inscritos</t>
  </si>
  <si>
    <t>Em 31 de Dezembro (c) ³</t>
  </si>
  <si>
    <t>Cancelamento (d) 4</t>
  </si>
  <si>
    <t>Total dos Últimos 12 meses Ajustado  (e) = (b) + (c) - (d)</t>
  </si>
  <si>
    <t>DESPESAS CORRENTES ²</t>
  </si>
  <si>
    <t>DESPESAS (EXCETO INTRA-ORÇAMENTÁRIAS)</t>
  </si>
  <si>
    <t>RELAÇÃO ENTRE AS DESPESAS CORRENTES E RECEITAS CORRENTES</t>
  </si>
  <si>
    <t>Valor</t>
  </si>
  <si>
    <t>RELAÇÃO ENTRE AS DESPESAS CORRENTES E RECEITAS CORRENTES (%)  (f) = ((e) / (a) * 100)</t>
  </si>
  <si>
    <t>TRAJETÓRIA DE RETORNO AO LIMITE ESTABELECIDO NO ART. 167-A DA CF/88</t>
  </si>
  <si>
    <t>Percentual (%) do Limite Máximo (g)</t>
  </si>
  <si>
    <t>Percentual (%) que excedeu o Limite Permitido (h)</t>
  </si>
  <si>
    <t>Percentual (%) do ajuste Fiscal Previsto no Ato Normativo (i)</t>
  </si>
  <si>
    <t>Percentual (%) excedente ajustado (j)</t>
  </si>
  <si>
    <t xml:space="preserve">TRAJETÓRIA DE RETORNO AO LIMITE DO ART. 167-A DA CF/88 5 </t>
  </si>
  <si>
    <t>ANEXO 2 - RREO</t>
  </si>
  <si>
    <t>RREO - Anexo 2 (LRF, art. 52, inciso II, alínea "c")</t>
  </si>
  <si>
    <t>FUNÇÃO/SUBFUNÇÃO</t>
  </si>
  <si>
    <t>Dotação Inicial</t>
  </si>
  <si>
    <t>Dotação Atualizada (a)</t>
  </si>
  <si>
    <t>Até o Bimestre (b)</t>
  </si>
  <si>
    <t>% (b/total b)</t>
  </si>
  <si>
    <t>Saldo (c) = (a-b)</t>
  </si>
  <si>
    <t xml:space="preserve">Até o Bimestre (d) </t>
  </si>
  <si>
    <t>% (d/total d)</t>
  </si>
  <si>
    <t>Saldo (e) = (a-d)</t>
  </si>
  <si>
    <t>DESPESAS EXCETO INTRA-ORÇAMENTÁRIA</t>
  </si>
  <si>
    <t xml:space="preserve">   01 - Legislativa</t>
  </si>
  <si>
    <t xml:space="preserve">      031 - Ação Legislativa</t>
  </si>
  <si>
    <t xml:space="preserve">      032 - Controle Externo</t>
  </si>
  <si>
    <t xml:space="preserve">      846 - Outros Encargos Especiais</t>
  </si>
  <si>
    <t xml:space="preserve">   02 - Judiciária</t>
  </si>
  <si>
    <t xml:space="preserve">      061 - Ação Judiciária</t>
  </si>
  <si>
    <t xml:space="preserve">      122 - Administração Geral</t>
  </si>
  <si>
    <t xml:space="preserve">      126 - Tecnologia da Informação</t>
  </si>
  <si>
    <t xml:space="preserve">      128 - Formação de Recursos Humanos</t>
  </si>
  <si>
    <t xml:space="preserve">      131 - Comunicação Social</t>
  </si>
  <si>
    <t xml:space="preserve">   03 - Essencial à Justiça</t>
  </si>
  <si>
    <t xml:space="preserve">      091 - Defesa da Ordem Jurídica</t>
  </si>
  <si>
    <t xml:space="preserve">      092 - Representação Judicial e Extrajudicial</t>
  </si>
  <si>
    <t xml:space="preserve">      422 - Direitos Individuais, Coletivos e Difusos</t>
  </si>
  <si>
    <t xml:space="preserve">   04 - Administração</t>
  </si>
  <si>
    <t xml:space="preserve">      123 - Administração Financeira</t>
  </si>
  <si>
    <t xml:space="preserve">      124 - Controle Interno</t>
  </si>
  <si>
    <t xml:space="preserve">      130 - Administração de Concessões</t>
  </si>
  <si>
    <t xml:space="preserve">      272 - Previdência do Regime Estatutário</t>
  </si>
  <si>
    <t xml:space="preserve">      663 - Mineração</t>
  </si>
  <si>
    <t xml:space="preserve">   06 - Segurança Pública</t>
  </si>
  <si>
    <t xml:space="preserve">      181 - Policiamento</t>
  </si>
  <si>
    <t xml:space="preserve">      182 - Defesa Civil</t>
  </si>
  <si>
    <t xml:space="preserve">      183 - Informação e Inteligência</t>
  </si>
  <si>
    <t xml:space="preserve">      421 - Custódia e Reintegração Social</t>
  </si>
  <si>
    <t xml:space="preserve">   08 - Assistência Social</t>
  </si>
  <si>
    <t xml:space="preserve">      241 - Assistência ao Idoso</t>
  </si>
  <si>
    <t xml:space="preserve">      243 - Assistência à Criança e ao Adolescente</t>
  </si>
  <si>
    <t xml:space="preserve">      244 - Assistência Comunitária</t>
  </si>
  <si>
    <t xml:space="preserve">      364 - Ensino Superior</t>
  </si>
  <si>
    <t xml:space="preserve">      843 - Serviço da Dívida Interna</t>
  </si>
  <si>
    <t xml:space="preserve">   09 - Previdência Social</t>
  </si>
  <si>
    <t xml:space="preserve">   10 - Saúde</t>
  </si>
  <si>
    <t xml:space="preserve">      301 - Atenção Básica</t>
  </si>
  <si>
    <t xml:space="preserve">      302 - Assistência Hospitalar e Ambulatorial</t>
  </si>
  <si>
    <t xml:space="preserve">      303 - Suporte Profilático e Terapêutico</t>
  </si>
  <si>
    <t xml:space="preserve">      304 - Vigilância Sanitária</t>
  </si>
  <si>
    <t xml:space="preserve">      305 - Vigilância Epidemiológica</t>
  </si>
  <si>
    <t xml:space="preserve">      306 - Alimentação e Nutrição</t>
  </si>
  <si>
    <t xml:space="preserve">      331 - Proteção e Benefícios ao Trabalhador</t>
  </si>
  <si>
    <t xml:space="preserve">   11 - Trabalho</t>
  </si>
  <si>
    <t xml:space="preserve">      333 - Empregabilidade</t>
  </si>
  <si>
    <t xml:space="preserve">      334 - Fomento ao Trabalho</t>
  </si>
  <si>
    <t xml:space="preserve">   12 - Educação</t>
  </si>
  <si>
    <t xml:space="preserve">      361 - Ensino Fundamental</t>
  </si>
  <si>
    <t xml:space="preserve">      362 - Ensino Médio</t>
  </si>
  <si>
    <t xml:space="preserve">      363 - Ensino Profissional</t>
  </si>
  <si>
    <t xml:space="preserve">      366 - Educação de Jovens e Adultos</t>
  </si>
  <si>
    <t xml:space="preserve">      367 - Educação Especial</t>
  </si>
  <si>
    <t xml:space="preserve">      368 - Educação Básica</t>
  </si>
  <si>
    <t xml:space="preserve">      571 - Desenvolvimento Científico</t>
  </si>
  <si>
    <t xml:space="preserve">   13 - Cultura</t>
  </si>
  <si>
    <t xml:space="preserve">      391 - Patrimônio Histórico, Artístico e Arqueológico</t>
  </si>
  <si>
    <t xml:space="preserve">      392 - Difusão Cultural</t>
  </si>
  <si>
    <t xml:space="preserve">   14 - Direitos da Cidadania</t>
  </si>
  <si>
    <t xml:space="preserve">      423 - Assistência aos Povos Indígenas</t>
  </si>
  <si>
    <t xml:space="preserve">   16 - Habitação </t>
  </si>
  <si>
    <t xml:space="preserve">      482 - Habitação Urbana</t>
  </si>
  <si>
    <t xml:space="preserve">   17 - Saneamento</t>
  </si>
  <si>
    <t xml:space="preserve">      512 - Saneamento Básico Urbano</t>
  </si>
  <si>
    <t xml:space="preserve">   18 - Gestão Ambiental</t>
  </si>
  <si>
    <t xml:space="preserve">      541 - Preservação e Conservação Ambiental</t>
  </si>
  <si>
    <t xml:space="preserve">      542 - Controle Ambiental</t>
  </si>
  <si>
    <t xml:space="preserve">      544 - Recursos Hídricos</t>
  </si>
  <si>
    <t xml:space="preserve">      545 - Meteorologia</t>
  </si>
  <si>
    <t xml:space="preserve">   19 - Ciência e Tecnologia</t>
  </si>
  <si>
    <t xml:space="preserve">      573 - Difusão do Conhecimento Científico e Tecnológico</t>
  </si>
  <si>
    <t xml:space="preserve">   20 - Agricultura</t>
  </si>
  <si>
    <t xml:space="preserve">      606 - Extensão Rural</t>
  </si>
  <si>
    <t xml:space="preserve">      607 - Irrigação</t>
  </si>
  <si>
    <t xml:space="preserve">      608 - Promoção da Produção Agropecuária</t>
  </si>
  <si>
    <t xml:space="preserve">      609 - Defesa Agropecuária</t>
  </si>
  <si>
    <t xml:space="preserve">   21 - Organização Agrária</t>
  </si>
  <si>
    <t xml:space="preserve">      631 - Reforma Agrária</t>
  </si>
  <si>
    <t xml:space="preserve">   22 - Indústria</t>
  </si>
  <si>
    <t xml:space="preserve">      661 - Promoção Industrial</t>
  </si>
  <si>
    <t xml:space="preserve">   23 - Comércio e Serviços</t>
  </si>
  <si>
    <t xml:space="preserve">      665 - Normalização e Qualidade</t>
  </si>
  <si>
    <t xml:space="preserve">      691 - Promoção Comercial</t>
  </si>
  <si>
    <t xml:space="preserve">      692 - Comercialização</t>
  </si>
  <si>
    <t xml:space="preserve">      695 - Turismo</t>
  </si>
  <si>
    <t xml:space="preserve">   24 - Comunicações</t>
  </si>
  <si>
    <t xml:space="preserve">      722 - Telecomunicações</t>
  </si>
  <si>
    <t xml:space="preserve">   25 - Energia </t>
  </si>
  <si>
    <t xml:space="preserve">      751 - Conservação de Energia</t>
  </si>
  <si>
    <t xml:space="preserve">      752 - Energia Elétrica</t>
  </si>
  <si>
    <t xml:space="preserve">   26 - Transporte</t>
  </si>
  <si>
    <t xml:space="preserve">      781 - Transporte Aéreo</t>
  </si>
  <si>
    <t xml:space="preserve">      782 - Transporte Rodoviário</t>
  </si>
  <si>
    <t xml:space="preserve">      783 - Transporte Ferroviário</t>
  </si>
  <si>
    <t xml:space="preserve">      784 - Transporte Hidroviário</t>
  </si>
  <si>
    <t xml:space="preserve">   27 - Desporto e Lazer</t>
  </si>
  <si>
    <t xml:space="preserve">      811 - Desporto de Rendimento</t>
  </si>
  <si>
    <t xml:space="preserve">      812 - Desporto Comunitário</t>
  </si>
  <si>
    <t xml:space="preserve">   28 - Encargos Especiais</t>
  </si>
  <si>
    <t xml:space="preserve">      841 - Refinanciamento da Dívida Interna</t>
  </si>
  <si>
    <t xml:space="preserve">      844 - Serviço da Dívida Externa</t>
  </si>
  <si>
    <t xml:space="preserve">      845 - Outras Transferências</t>
  </si>
  <si>
    <t xml:space="preserve">   99 - Reservas</t>
  </si>
  <si>
    <t xml:space="preserve">      999 - Reserva de Contingência</t>
  </si>
  <si>
    <t>DESPESAS INTRA-ORÇAMENTÁRIA</t>
  </si>
  <si>
    <t>179</t>
  </si>
  <si>
    <t>180</t>
  </si>
  <si>
    <t>181</t>
  </si>
  <si>
    <t>182</t>
  </si>
  <si>
    <t>183</t>
  </si>
  <si>
    <t>184</t>
  </si>
  <si>
    <t>185</t>
  </si>
  <si>
    <t>186</t>
  </si>
  <si>
    <t>187</t>
  </si>
  <si>
    <t>188</t>
  </si>
  <si>
    <t>189</t>
  </si>
  <si>
    <t>190</t>
  </si>
  <si>
    <t>191</t>
  </si>
  <si>
    <t>192</t>
  </si>
  <si>
    <t>193</t>
  </si>
  <si>
    <t>194</t>
  </si>
  <si>
    <t>195</t>
  </si>
  <si>
    <t>196</t>
  </si>
  <si>
    <t>197</t>
  </si>
  <si>
    <t>198</t>
  </si>
  <si>
    <t>199</t>
  </si>
  <si>
    <t>200</t>
  </si>
  <si>
    <t>201</t>
  </si>
  <si>
    <t>202</t>
  </si>
  <si>
    <t>203</t>
  </si>
  <si>
    <t>204</t>
  </si>
  <si>
    <t>205</t>
  </si>
  <si>
    <t>206</t>
  </si>
  <si>
    <t>207</t>
  </si>
  <si>
    <t>208</t>
  </si>
  <si>
    <t>209</t>
  </si>
  <si>
    <t>210</t>
  </si>
  <si>
    <t>211</t>
  </si>
  <si>
    <t>212</t>
  </si>
  <si>
    <t>213</t>
  </si>
  <si>
    <t>214</t>
  </si>
  <si>
    <t>215</t>
  </si>
  <si>
    <t>216</t>
  </si>
  <si>
    <t>217</t>
  </si>
  <si>
    <t>100001</t>
  </si>
  <si>
    <t>Total</t>
  </si>
  <si>
    <t>ANEXO 3 - RREO</t>
  </si>
  <si>
    <t>RREO - Anexo 3 (LRF, art. 53, inciso I)</t>
  </si>
  <si>
    <t>ESPECIFICAÇÃO</t>
  </si>
  <si>
    <t>Total (ùltimos 12 Meses)</t>
  </si>
  <si>
    <t>Previsão Atualizada 2022</t>
  </si>
  <si>
    <t xml:space="preserve">      RECEITAS CORRENTES (I)</t>
  </si>
  <si>
    <t xml:space="preserve">         Impostos, Taxas e Contribuições de Melhoria</t>
  </si>
  <si>
    <t xml:space="preserve">            ICMS</t>
  </si>
  <si>
    <t xml:space="preserve">            IPVA</t>
  </si>
  <si>
    <t xml:space="preserve">            ITCD</t>
  </si>
  <si>
    <t xml:space="preserve">            IRRF</t>
  </si>
  <si>
    <t xml:space="preserve">            Outros Impostos, Taxas e Contribuições de Melhoria</t>
  </si>
  <si>
    <t xml:space="preserve">         CONTRIBUIÇÕES</t>
  </si>
  <si>
    <t xml:space="preserve">         RECEITA PATRIMONIAL</t>
  </si>
  <si>
    <t xml:space="preserve">            Rendimentos de Aplicação Financeira</t>
  </si>
  <si>
    <t xml:space="preserve">            Outras Receitas Patrimoniais</t>
  </si>
  <si>
    <t xml:space="preserve">         RECEITA AGROPECUÁRIA</t>
  </si>
  <si>
    <t xml:space="preserve">         RECEITA INDUSTRIAL</t>
  </si>
  <si>
    <t xml:space="preserve">         RECEITA DE SERVIÇOS</t>
  </si>
  <si>
    <t xml:space="preserve">         TRANSFERÊNCIAS CORRENTES</t>
  </si>
  <si>
    <t xml:space="preserve">            Cota-Parte do FPE</t>
  </si>
  <si>
    <t xml:space="preserve">            Transferências da LC 87/1996</t>
  </si>
  <si>
    <t xml:space="preserve">            Transferências da LC 61/1989</t>
  </si>
  <si>
    <t xml:space="preserve">            Transferências do FUNDEB</t>
  </si>
  <si>
    <t xml:space="preserve">            Outras Transferências Correntes</t>
  </si>
  <si>
    <t xml:space="preserve">         OUTRAS RECEITAS CORRENTES</t>
  </si>
  <si>
    <t xml:space="preserve">      DEDUÇÕES (II)</t>
  </si>
  <si>
    <t xml:space="preserve">         Transferências Constitucionais e Legais</t>
  </si>
  <si>
    <t xml:space="preserve">         Contrib. do Servidor para o Plano de Previdência</t>
  </si>
  <si>
    <t xml:space="preserve">         Compensação Financ. entre Regimes Previdência</t>
  </si>
  <si>
    <t xml:space="preserve">         Rendimentos de Aplicações de Recursos Previdenciários</t>
  </si>
  <si>
    <t xml:space="preserve">         Dedução de Receita para Formação do FUNDEB</t>
  </si>
  <si>
    <t xml:space="preserve">   RECEITA CORRENTE LÍQUIDA (III) = (I - II)</t>
  </si>
  <si>
    <t xml:space="preserve">   ( - ) Transferências obrigatórias da União relativas às emendas individuais (art. 166-A, § 1º, da CF) (IV)</t>
  </si>
  <si>
    <t>RECEITA CORRENTE LÍQUIDA AJUSTADA PARA CÁLCULO DOS LIMITES DE ENDIVIDAMENTO (V) = (III - IV)</t>
  </si>
  <si>
    <t xml:space="preserve">( - ) Transferências obrigatórias da União relativas às emendas de bancada (art. 166, § 16, da CF) (VI)  </t>
  </si>
  <si>
    <t>RECEITA CORRENTE LÍQUIDA AJUSTADA PARA CÁLCULO DOS LIMITES DA DESPESA COM PESSOAL (VII) = (V - VI)</t>
  </si>
  <si>
    <t>ANEXO 4 - RREO</t>
  </si>
  <si>
    <t>RREO - Anexo 4 (LRF, art. 53, inciso II)</t>
  </si>
  <si>
    <t>RECEITAS PREVIDENCIÁRIAS - RPPS (FUNDO EM CAPITALIZAÇÃO)</t>
  </si>
  <si>
    <t>Receitas Realizadas até o Bimestre (b)</t>
  </si>
  <si>
    <t>RECEITAS CORRENTES (I)</t>
  </si>
  <si>
    <t xml:space="preserve">Receita de Contribuições dos Segurados </t>
  </si>
  <si>
    <t xml:space="preserve">   Ativo </t>
  </si>
  <si>
    <t xml:space="preserve">   Inativo </t>
  </si>
  <si>
    <t xml:space="preserve">   Pensionista </t>
  </si>
  <si>
    <t xml:space="preserve">Receita de Contribuições Patronais </t>
  </si>
  <si>
    <t>Receita Patrimonial</t>
  </si>
  <si>
    <t xml:space="preserve">   Receitas Imobiliárias</t>
  </si>
  <si>
    <t xml:space="preserve">   Receitas de Valores Mobiliários</t>
  </si>
  <si>
    <t xml:space="preserve">   Outras Receitas Patrimoniais</t>
  </si>
  <si>
    <t>Receita de Serviços</t>
  </si>
  <si>
    <t>Outras Receitas Correntes</t>
  </si>
  <si>
    <t xml:space="preserve">   Compensação Financeira entre os regimes</t>
  </si>
  <si>
    <t xml:space="preserve">   Receita de Aportes Periódicos para Amortização de Déficit Atuarial do RPPS (II)¹</t>
  </si>
  <si>
    <t xml:space="preserve">   Demais Receitas Correntes</t>
  </si>
  <si>
    <t>RECEITAS DE CAPITAL (III)</t>
  </si>
  <si>
    <t>Alienação de Bens, Direitos e Ativos</t>
  </si>
  <si>
    <t>Amortização de Empréstimos</t>
  </si>
  <si>
    <t>Outras Receitas de Capital</t>
  </si>
  <si>
    <t>TOTAL DAS RECEITAS DO FUNDO EM CAPITALIZAÇÃO - (IV) = (I + III - II)</t>
  </si>
  <si>
    <t>DESPESAS PREVIDENCIÁRIAS - RPPS (FUNDO EM CAPITALIZAÇÃO)</t>
  </si>
  <si>
    <t>Dotação Atualizada (c)</t>
  </si>
  <si>
    <t>Despesas Empenhadas até o Bimestre (d)</t>
  </si>
  <si>
    <t>Despesas Liquidadas até o Bimestre (e)</t>
  </si>
  <si>
    <t>Despesas Pagas Até o Bimestre (f)</t>
  </si>
  <si>
    <t>Inscritas em Restos a Pagar Não Processadas No Exercício (g)</t>
  </si>
  <si>
    <t>Benefícios</t>
  </si>
  <si>
    <t xml:space="preserve">   Aposentadorias</t>
  </si>
  <si>
    <t xml:space="preserve">   Pensões por Morte</t>
  </si>
  <si>
    <t>Outras Despesas Previdenciárias</t>
  </si>
  <si>
    <t xml:space="preserve">   Demais Despesas Previdenciárias</t>
  </si>
  <si>
    <t>TOTAL DAS DESPESAS DO FUNDO EM CAPITALIZAÇÃO (V)</t>
  </si>
  <si>
    <t>RESULTADO PREVIDENCIÁRIO - FUNDO EM CAPITALIZAÇÃO (VI) = (IV – V)²</t>
  </si>
  <si>
    <t>RECURSOS RPPS ARRECADADOS EM EXERCÍCIOS ANTERIORES</t>
  </si>
  <si>
    <t>Previsão Orçamentária</t>
  </si>
  <si>
    <t>VALOR</t>
  </si>
  <si>
    <t>RESERVA ORÇAMENTÁRIA DO RPPS</t>
  </si>
  <si>
    <t>APORTES DE RECURSOS PARA O FUNDO EM CAPITALIZAÇÃO DO RPPS</t>
  </si>
  <si>
    <t>Aportes Realizados</t>
  </si>
  <si>
    <t>Plano de Amortização - Contribuição Patronal Suplementar</t>
  </si>
  <si>
    <t>Plano de Amortização - Aporte Periódico de Valores Predefinidos</t>
  </si>
  <si>
    <t>Outros Aportes para o RPPS</t>
  </si>
  <si>
    <t>Recursos para Cobertura de Déficit Financeiro</t>
  </si>
  <si>
    <t>BENS E DIREITOS DO RPPS (FUNDO EM CAPITALIZAÇÃO)</t>
  </si>
  <si>
    <t>Saldo Atual</t>
  </si>
  <si>
    <t>Caixa e Equivalentes de Caixa</t>
  </si>
  <si>
    <t>Investimentos e Aplicações</t>
  </si>
  <si>
    <t>Outros Bens e Direitos</t>
  </si>
  <si>
    <t>RECEITAS PREVIDENCIÁRIAS - RPPS (FUNDO EM REPARTIÇÃO)</t>
  </si>
  <si>
    <t>RECEITAS CORRENTES (VII)</t>
  </si>
  <si>
    <t xml:space="preserve">   Receita de Contribuições dos Segurados </t>
  </si>
  <si>
    <t xml:space="preserve">      Ativo </t>
  </si>
  <si>
    <t xml:space="preserve">      Inativo </t>
  </si>
  <si>
    <t xml:space="preserve">      Pensionista </t>
  </si>
  <si>
    <t xml:space="preserve">   Receita de Contribuições Patronais </t>
  </si>
  <si>
    <t xml:space="preserve">   Receita Patrimonial</t>
  </si>
  <si>
    <t xml:space="preserve">      Receitas Imobiliárias</t>
  </si>
  <si>
    <t xml:space="preserve">      Receitas de Valores Mobiliários</t>
  </si>
  <si>
    <t xml:space="preserve">      Outras Receitas Patrimoniais</t>
  </si>
  <si>
    <t xml:space="preserve">   Receita de Serviços</t>
  </si>
  <si>
    <t xml:space="preserve">   Outras Receitas Correntes</t>
  </si>
  <si>
    <t xml:space="preserve">      Compensação Financeira entre os regimes</t>
  </si>
  <si>
    <t>RECEITAS DE CAPITAL (VIII)</t>
  </si>
  <si>
    <t xml:space="preserve">   Alienação de Bens, Direitos e Ativos</t>
  </si>
  <si>
    <t xml:space="preserve">   Amortização de Empréstimos</t>
  </si>
  <si>
    <t xml:space="preserve">   Outras Receitas de Capital</t>
  </si>
  <si>
    <t>TOTAL DAS RECEITAS DO FUNDO EM REPARTIÇÃO (IX) = (VII + VIII)</t>
  </si>
  <si>
    <t>DESPESAS PREVIDENCIÁRIAS - RPPS (FUNDO EM REPARTIÇÃO)</t>
  </si>
  <si>
    <t xml:space="preserve">   Aposentadorias </t>
  </si>
  <si>
    <t>TOTAL DAS DESPESAS DO FUNDO EM REPARTIÇÃO (X)</t>
  </si>
  <si>
    <t>RESULTADO PREVIDENCIÁRIO - FUNDO EM REPARTIÇÃO (IX) = (VII - VIII)²</t>
  </si>
  <si>
    <t>RESULTADO PREVIDENCIÁRIO - FUNDO EM REPARTIÇÃO (XI) = (IX – X)²</t>
  </si>
  <si>
    <t>APORTES DE RECURSOS PARA O FUNDO EM REPARTIÇÃO DO RPPS</t>
  </si>
  <si>
    <t>Recursos para Cobertura de Insuficiências Financeiras</t>
  </si>
  <si>
    <t>Recursos para Formação de Reserva</t>
  </si>
  <si>
    <t>BENS E DIREITOS DO RPPS (FUNDO EM REPARTIÇÃO)</t>
  </si>
  <si>
    <t>RECEITAS DA ADMINISTRAÇÃO - RPPS</t>
  </si>
  <si>
    <t>Receitas Correntes</t>
  </si>
  <si>
    <t>TOTAL DAS RECEITAS DA ADMINISTRAÇÃO RPPS  (XII)</t>
  </si>
  <si>
    <t>DESPESAS DA ADMINISTRAÇÃO - RPPS</t>
  </si>
  <si>
    <t>Despesas Correntes (XIII)</t>
  </si>
  <si>
    <t xml:space="preserve">   Pessoal e Encargos Sociais</t>
  </si>
  <si>
    <t xml:space="preserve">   Demais Despesas Correntes</t>
  </si>
  <si>
    <t>Despesas de Capital (XIV)</t>
  </si>
  <si>
    <t>TOTAL DAS DESPESAS DA ADMINISTRAÇÃO RPPS (XV) = (XIII + XIV)</t>
  </si>
  <si>
    <t>UTILIZA DO ANTERIOR</t>
  </si>
  <si>
    <t>RESULTADO DA ADMINISTRAÇÃO RPPS (XVI) = (XII – XV)²</t>
  </si>
  <si>
    <t>BENS E DIREITOS - ADMINISTRAÇÃO DO RPPS</t>
  </si>
  <si>
    <t>RECEITAS PREVIDENCIÁRIAS (BENEFÍCIOS MANTIDOS PELO TESOURO)</t>
  </si>
  <si>
    <t xml:space="preserve">Contribuições dos Servidores </t>
  </si>
  <si>
    <t xml:space="preserve">Demais Receitas Previdenciárias </t>
  </si>
  <si>
    <t>TOTAL DAS RECEITAS  (BENEFÍCIOS MANTIDOS PELO TESOURO) (XVII)</t>
  </si>
  <si>
    <t>DESPESAS PREVIDENCIÁRIAS (BENEFÍCIOS MANTIDOS PELO TESOURO)</t>
  </si>
  <si>
    <t xml:space="preserve">Aposentadorias </t>
  </si>
  <si>
    <t>Pensões</t>
  </si>
  <si>
    <t>TOTAL DAS DESPESAS (BENEFÍCIOS MANTIDOS PELO TESOURO) (XVIII)</t>
  </si>
  <si>
    <t>RESULTADO DOS BENEFÍCIOS MANTIDOS PELO TESOURO (XIX) = (XVII - XVIII)²</t>
  </si>
  <si>
    <t>RECEITAS DE CONTRIBUIÇÃO DOS MILITARES</t>
  </si>
  <si>
    <t>Contribuição sobre a remuneração dos militares ativos</t>
  </si>
  <si>
    <t>Contribuição sobre a remuneração dos militares inativos</t>
  </si>
  <si>
    <t xml:space="preserve">Contribuição sobre a remuneração dos pensionistas </t>
  </si>
  <si>
    <t>Outras contribuições</t>
  </si>
  <si>
    <t>TOTAL DAS CONTRIBUIÇÕES DOS MILITARES (XX)</t>
  </si>
  <si>
    <t>DESPESAS COM INATIVOS E PENSIONISTAS MILITARES</t>
  </si>
  <si>
    <t>Inatividade</t>
  </si>
  <si>
    <t>Outras Despesas</t>
  </si>
  <si>
    <t xml:space="preserve">TOTAL DAS DESPESAS COM INATIVOS E PENSIONISTAS MILITARES (XXI) </t>
  </si>
  <si>
    <t>RESULTADO ASSOCIADO ÀS PENSÕES E AOS INATIVOS MILITARES (XXII) = (XX–XXI)²</t>
  </si>
  <si>
    <t>ANEXO 6 - RREO</t>
  </si>
  <si>
    <t>RREO - Anexo 6 (LRF, art 53, inciso III)</t>
  </si>
  <si>
    <t>RECEITAS PRIMÁRIAS</t>
  </si>
  <si>
    <t>Previsão Atualizada</t>
  </si>
  <si>
    <t>Até o Bimestre 2022</t>
  </si>
  <si>
    <t>Receitas Realizadas (a)</t>
  </si>
  <si>
    <t>Impostos, Taxas e Contribuições de Melhoria</t>
  </si>
  <si>
    <t xml:space="preserve">   ICMS</t>
  </si>
  <si>
    <t xml:space="preserve">   IPVA</t>
  </si>
  <si>
    <t xml:space="preserve">   ITCD</t>
  </si>
  <si>
    <t xml:space="preserve">   IRRF</t>
  </si>
  <si>
    <t xml:space="preserve">   Outros Impostos, Taxas e Contribuições de Melhoria</t>
  </si>
  <si>
    <t>Contribuições</t>
  </si>
  <si>
    <t xml:space="preserve">   Aplicações Financeiras (II)</t>
  </si>
  <si>
    <t>Transferências Correntes</t>
  </si>
  <si>
    <t xml:space="preserve">   Cota-Parte do FPE</t>
  </si>
  <si>
    <t xml:space="preserve">   Transferências da LC 87/1996</t>
  </si>
  <si>
    <t xml:space="preserve">   Transferências da LC 61/1989</t>
  </si>
  <si>
    <t xml:space="preserve">   Transferências do FUNDEB</t>
  </si>
  <si>
    <t xml:space="preserve">   Outras Transferências Correntes</t>
  </si>
  <si>
    <t>Demais Receitas Correntes</t>
  </si>
  <si>
    <t xml:space="preserve">   Outras Receitas Financeiras (III)</t>
  </si>
  <si>
    <t xml:space="preserve">   Receitas Correntes Restantes</t>
  </si>
  <si>
    <t>RECEITAS PRIMÁRIAS CORRENTES (IV) = (I - II - III)</t>
  </si>
  <si>
    <t>RECEITAS DE CAPITAL (V)</t>
  </si>
  <si>
    <t>Operações de Crédito (VI)</t>
  </si>
  <si>
    <t>Amortização de Empréstimos (VII)</t>
  </si>
  <si>
    <t>Alienação de Bens</t>
  </si>
  <si>
    <t xml:space="preserve">   Receitas de Alienação de Investimentos Temporários (VIII)</t>
  </si>
  <si>
    <t xml:space="preserve">   Receitas de Alienação de Investimentos Permanentes (IX)</t>
  </si>
  <si>
    <t xml:space="preserve">   Outras Alienações de Bens</t>
  </si>
  <si>
    <t>Transferências de Capital</t>
  </si>
  <si>
    <t xml:space="preserve">   Convênios</t>
  </si>
  <si>
    <t xml:space="preserve">   Outras Transferências de Capital</t>
  </si>
  <si>
    <t xml:space="preserve">   Outras Receitas de Capital Não Primárias (X)</t>
  </si>
  <si>
    <t xml:space="preserve">   Outras Receitas de Capital Primárias</t>
  </si>
  <si>
    <t>RECEITAS PRIMÁRIAS DE CAPITAL (XI) = (V - VI - VII - VIII - IX - X)</t>
  </si>
  <si>
    <t>RECEITA PRIMÁRIA TOTAL  (XII) = (IV + XI)</t>
  </si>
  <si>
    <t>DESPESAS PRIMÁRIAS</t>
  </si>
  <si>
    <t>Dotação Atualizada</t>
  </si>
  <si>
    <t>Despesas Pagas (a)</t>
  </si>
  <si>
    <t>Restos a Pagar Processados Pagos (b)</t>
  </si>
  <si>
    <t>Restos a pagar não processados</t>
  </si>
  <si>
    <t>Liquidados</t>
  </si>
  <si>
    <t>PAGOS (c)</t>
  </si>
  <si>
    <t>DESPESAS CORRENTES (XIII)</t>
  </si>
  <si>
    <t>Pessoal e Encargos Sociais</t>
  </si>
  <si>
    <t>Juros e Encargos da Dívida (XIV)</t>
  </si>
  <si>
    <t>Outras Despesas Correntes</t>
  </si>
  <si>
    <t xml:space="preserve">   Transferências Constitucionais e Legais</t>
  </si>
  <si>
    <t>DESPESAS PRIMÁRIAS CORRENTES (XV) = (XIII - XIV)</t>
  </si>
  <si>
    <t>DESPESAS DE CAPITAL (XVI)</t>
  </si>
  <si>
    <t>Investimentos</t>
  </si>
  <si>
    <t>Inversões Financeiras</t>
  </si>
  <si>
    <t xml:space="preserve">   Concessão de Empréstimos e Financiamentos (XVII)</t>
  </si>
  <si>
    <t xml:space="preserve">   Aquisição de Título de Capital já Integralizado (XVIII)</t>
  </si>
  <si>
    <t xml:space="preserve">   Aquisição de Título de Crédito (XIX)</t>
  </si>
  <si>
    <t xml:space="preserve">   Demais Inversões Financeiras</t>
  </si>
  <si>
    <t>Amortização da Dívida (XX)</t>
  </si>
  <si>
    <t>DESPESAS PRIMÁRIAS DE CAPITAL (XXI) = (XVI - XVII - XVIII - XIX - XX)</t>
  </si>
  <si>
    <t>RESERVA DE CONTINGÊNCIA (XXII)</t>
  </si>
  <si>
    <t>DESPESA PRIMÁRIA TOTAL (XXIII) = (XV + XXI + XXII)</t>
  </si>
  <si>
    <t>RESULTADO PRIMÁRIO - ACIMA DA LINHA (XXIV) = [XIIA - (XXIIIA +XXIIIB + XXIIIC)]</t>
  </si>
  <si>
    <t>RESULTADO PRIMÁRIO - Acima da Linha (XXIV) = [XIIa - (XXIIIa +XXIIIb + XXIIIc)]</t>
  </si>
  <si>
    <t>META FISCAL PARA O RESULTADO PRIMÁRIO</t>
  </si>
  <si>
    <t>Valor Corrente</t>
  </si>
  <si>
    <t>Meta fixada no Anexo de Metas Fiscais da LDO para o exercício de referência</t>
  </si>
  <si>
    <t>JUROS NOMINAIS</t>
  </si>
  <si>
    <t>VALOR INCORRIDO</t>
  </si>
  <si>
    <t>Juros, Encargos e Variações Monetárias Ativos (XXV)</t>
  </si>
  <si>
    <t>Juros, Encargos e Variações Monetárias Passivos (XXVI)</t>
  </si>
  <si>
    <t>RESULTADO NOMINAL - ACIMA DA LINHA (XXVII) = (- XXIV - XXV + XXVI)</t>
  </si>
  <si>
    <t>RESULTADO NOMINAL - Acima da Linha (XXVII) =  XXIV + (XXV - XXVI)</t>
  </si>
  <si>
    <t>META FISCAL PARA O RESULTADO NOMINAL</t>
  </si>
  <si>
    <t>CÁLCULO DO RESULTADO NOMINAL</t>
  </si>
  <si>
    <t>Saldo</t>
  </si>
  <si>
    <t>em 31/12/2021 (a)</t>
  </si>
  <si>
    <t>DÍVIDA CONSOLIDADA (XXVIII)</t>
  </si>
  <si>
    <t>DEDUÇÕES (XXIX)</t>
  </si>
  <si>
    <t xml:space="preserve">   Disponibilidade de Caixa</t>
  </si>
  <si>
    <t xml:space="preserve">      Disponibilidade de Caixa Bruta</t>
  </si>
  <si>
    <t xml:space="preserve">      (-) Restos a Pagar Processados (XXX)</t>
  </si>
  <si>
    <t xml:space="preserve">      (-) Depósitos Restituíveis e Valores Vinculados</t>
  </si>
  <si>
    <t xml:space="preserve">   Demais Haveres Financeiros</t>
  </si>
  <si>
    <t>DÍVIDA CONSOLIDADA LÍQUIDA (XXXI) = (XXVIII - XXIX)</t>
  </si>
  <si>
    <t>DEMONSTRATIVO DA EXECUÇÃO DAS DESPESAS POR FUNÇÃO</t>
  </si>
  <si>
    <t>Até o Bimestre/ 2022</t>
  </si>
  <si>
    <t>RESULTADO NOMINAL - Abaixo da Linha (XXXII) = (XXXIa - XXXIb)</t>
  </si>
  <si>
    <t>AJUSTE METODOLÓGICO</t>
  </si>
  <si>
    <t>VARIAÇÃO SALDO RPP = (XXXIII) = (XXXa - XXXb)</t>
  </si>
  <si>
    <t>RECEITA DE ALIENAÇÃO DE INVESTIMENTOS PERMANENTES (IX)</t>
  </si>
  <si>
    <t>PASSIVOS RECONHECIDOS NA DC (XXXIV)</t>
  </si>
  <si>
    <t>VARIAÇÃO CAMBIAL (XXXV)</t>
  </si>
  <si>
    <t>PAGAMENTO DE PRECATÓRIOS INTEGRANTES DA DC (XXXVI)</t>
  </si>
  <si>
    <t>AJUSTES RELATIVOS AO RPPS (XXXVII)</t>
  </si>
  <si>
    <t>OUTROS AJUSTES (XXXVIII)</t>
  </si>
  <si>
    <t>RESULTADO NOMINAL AJUSTADO - Abaixo da Linha (XXXIX) = (XXXII - XXXIII - IX + XXXIV + XXXV - XXXVI + XXXVII + XXXVIII)</t>
  </si>
  <si>
    <t>RESULTADO PRIMÁRIO - ABAIXO DA LINHA (XXXVII) =  XXXVI - (XXV - XXVI)</t>
  </si>
  <si>
    <t>RESULTADO PRIMÁRIO - Abaixo da Linha (XL) =  XXXIX - (XXV - XXVI)</t>
  </si>
  <si>
    <t>INFORMAÇÕES ADICIONAIS</t>
  </si>
  <si>
    <t>SALDO DE EXERCÍCIOS ANTERIORES</t>
  </si>
  <si>
    <t>Superávit Financeiro Utilizado para Abertura e Reabertura de Créditos Adicionais</t>
  </si>
  <si>
    <t>ANEXO 7 - RREO</t>
  </si>
  <si>
    <t>RREO - Anexo 7 (LRF, art. 53, inciso V)</t>
  </si>
  <si>
    <t>Poder / Órgão</t>
  </si>
  <si>
    <t>Restos a Pagar Processados</t>
  </si>
  <si>
    <t>Inscritos em Exercícios Anteriores (a)</t>
  </si>
  <si>
    <t>Inscritos Em 31 de Dezembro de 2021 (b)</t>
  </si>
  <si>
    <t>Pagos (c)</t>
  </si>
  <si>
    <t>Cancelados (d)</t>
  </si>
  <si>
    <t>Saldo e=(a+b)-(c+d)</t>
  </si>
  <si>
    <t>Restos a Pagar Não Processados</t>
  </si>
  <si>
    <t>Inscritos em Exercícios Anteriores (f)</t>
  </si>
  <si>
    <t>Inscritos Em 31 de Dezembro de 2021 (g)</t>
  </si>
  <si>
    <t>Liquidados (h)</t>
  </si>
  <si>
    <t>Pagos (i)</t>
  </si>
  <si>
    <t>Cancelados (j)</t>
  </si>
  <si>
    <t>Saldo k = ( f + g ) - ( i + j )</t>
  </si>
  <si>
    <t>Saldo Total L = (e + k)</t>
  </si>
  <si>
    <t>RESTOS A PAGAR (EXCETO INTRA-ORÇAMENTÁRIOS)(I)</t>
  </si>
  <si>
    <t xml:space="preserve">   PODER EXECUTIVO</t>
  </si>
  <si>
    <t xml:space="preserve">   PODER LEGISLATIVO</t>
  </si>
  <si>
    <t xml:space="preserve">      Assembleia Legislativa</t>
  </si>
  <si>
    <t xml:space="preserve">      Tribunal de Contas do Estado</t>
  </si>
  <si>
    <t xml:space="preserve">      FUNTC</t>
  </si>
  <si>
    <t xml:space="preserve">   PODER JUDICIÁRIO</t>
  </si>
  <si>
    <t xml:space="preserve">      Tribunal de Justiça do Estado</t>
  </si>
  <si>
    <t xml:space="preserve">      FUNJECC</t>
  </si>
  <si>
    <t xml:space="preserve">   MINISTÉRIO PÚBLICO</t>
  </si>
  <si>
    <t xml:space="preserve">      Procuradoria Geral da Justiça</t>
  </si>
  <si>
    <t xml:space="preserve">      FEADMP/MS</t>
  </si>
  <si>
    <t xml:space="preserve">      FUNDROGAS/MS</t>
  </si>
  <si>
    <t xml:space="preserve">   DEFENSORIA PÚBLICA </t>
  </si>
  <si>
    <t>RESTOS A PAGAR (Intra-Orçamentários)(II)</t>
  </si>
  <si>
    <t xml:space="preserve">   EXECUTIVO</t>
  </si>
  <si>
    <t xml:space="preserve">   LEGISLATIVO</t>
  </si>
  <si>
    <t xml:space="preserve">   JUDICIÁRIO</t>
  </si>
  <si>
    <t>TOTAL(III) = (I+II)</t>
  </si>
  <si>
    <t>ANEXO 8 - RREO</t>
  </si>
  <si>
    <t>RREO - Anexo 8 (LDB, art. 72)</t>
  </si>
  <si>
    <t>RECEITA RESULTANTE DE IMPOSTOS</t>
  </si>
  <si>
    <t>1- RECEITA DE IMPOSTOS</t>
  </si>
  <si>
    <t xml:space="preserve">       1.1- Receita Resultante do Imposto sobre a Circulação de Mercadorias e Serviços de Transporte Interestadual e Intermunicipal e de Comunicação – ICMS</t>
  </si>
  <si>
    <t xml:space="preserve">             1.1.1- ICMS - Principal e Encargos (Multas, Juros de Mora, Divida Ativa e Outros Encargos do ICMS)</t>
  </si>
  <si>
    <t xml:space="preserve">             1.1.2- Adicional de até 2% do ICMS destinado ao Fundo de Combate à Pobreza (ADCT, art. 82, §1º)</t>
  </si>
  <si>
    <t xml:space="preserve">       1.2- Receita Resultante do Imposto de Transmissão Causa Mortis e Doação de Bens e Direitos – ITCD</t>
  </si>
  <si>
    <t xml:space="preserve">       1.3- Receita Resultante do Imposto sobre a Propriedade de Veículos Automotores – IPVA</t>
  </si>
  <si>
    <t xml:space="preserve">       1.4- Receita Resultante do Imposto sobre a Renda e Proventos de Qualquer Natureza Retido na Fonte – IRRF</t>
  </si>
  <si>
    <t xml:space="preserve">2- RECEITA DE TRANSFERÊNCIAS CONSTITUCIONAIS E LEGAIS </t>
  </si>
  <si>
    <t xml:space="preserve">       2.1- Cota-Parte FPE </t>
  </si>
  <si>
    <t xml:space="preserve">       2.2- Cota-Parte IPI-Exportação </t>
  </si>
  <si>
    <t xml:space="preserve">       2.3- Cota-Parte IOF-Ouro </t>
  </si>
  <si>
    <t xml:space="preserve">       2.4- Compensações Financeiras Provenientes de Impostos e Transferências Constitucionais</t>
  </si>
  <si>
    <t>3- DEDUÇÕES DE TRANSFERÊNCIAS CONSTITUCIONAIS AOS MUNICÍPIOS</t>
  </si>
  <si>
    <t xml:space="preserve">       3.1- PARCELA DO ICMS REPASSADA AOS MUNICÍPIOS (25% de 1.1.1)</t>
  </si>
  <si>
    <t xml:space="preserve">       3.2- PARCELA DO IPVA REPASSADA AOS MUNICÍPIOS (50% de 1.3)</t>
  </si>
  <si>
    <t xml:space="preserve">       3.3- PARCELA DA COTA-PARTE DO IPI-EXPORTAÇÃO REPASSADA AOS MUNICÍPIOS (25% de 2.2)</t>
  </si>
  <si>
    <t>4- TOTAL DA RECEITA LÍQUIDA RESULTANTE DE IMPOSTOS (1 + 2 - 3)</t>
  </si>
  <si>
    <t>5- TOTAL DESTINADO AO FUNDEB - 20% DE ((1.1 - 3.1) + (1.2) + (1.3 - 3.2) + (2.1) + (2.2 - 3.3))</t>
  </si>
  <si>
    <t>6- VALOR MÍNIMO A SER APLICADO ALÉM DO VALOR DESTINADO AO FUNDEB - 5% DE ((1.1 - 3.1) + (1.2) + (1.3 - 3.2) + (2.1) + (2.2 - 3.3)) + 25% DE (1.4 + 2.3 + 2.4)</t>
  </si>
  <si>
    <t>RECEITAS RECEBIDAS DO FUNDEB NO EXERCÍCIO</t>
  </si>
  <si>
    <t>7- RECEITAS RECEBIDAS DO FUNDEB</t>
  </si>
  <si>
    <t xml:space="preserve">    7.1- FUNDEB - Impostos e Transferências de Impostos</t>
  </si>
  <si>
    <t xml:space="preserve">          7.1.1- Principal</t>
  </si>
  <si>
    <t xml:space="preserve">          7.1.2- Rendimentos de Aplicação Financeira</t>
  </si>
  <si>
    <t xml:space="preserve">    7.2- FUNDEB - Complementação da União - VAAF</t>
  </si>
  <si>
    <t xml:space="preserve">          7.2.1- Principal</t>
  </si>
  <si>
    <t xml:space="preserve">          7.2.2- Rendimentos de Aplicação Financeira</t>
  </si>
  <si>
    <t xml:space="preserve">    7.3- FUNDEB - Complementação da União - VAAT</t>
  </si>
  <si>
    <t xml:space="preserve">          7.3.1- Principal</t>
  </si>
  <si>
    <t xml:space="preserve">          7.3.2- Rendimentos de Aplicação Financeira</t>
  </si>
  <si>
    <t>8- RESULTADO LÍQUIDO DAS TRANSFERÊNCIAS DO FUNDEB (7.1.1 – 5)¹</t>
  </si>
  <si>
    <t>RECURSOS RECEBIDOS EM EXERCÍCIOS ANTERIORES E NÃO UTILIZADOS (SUPERÁVIT)</t>
  </si>
  <si>
    <t>9- TOTAL DOS RECURSOS DE SUPERÁVIT</t>
  </si>
  <si>
    <t xml:space="preserve">  9.1- SUPERÁVIT DO EXERCÍCIO IMEDIATAMENTE ANTERIOR</t>
  </si>
  <si>
    <t xml:space="preserve">  9.2- SUPERÁVIT RESIDUAL DE OUTROS EXERCÍCIOS</t>
  </si>
  <si>
    <t>10- TOTAL DOS RECURSOS DO FUNDEB DISPONÍVEIS PARA UTILIZAÇÃO (7 + 9)</t>
  </si>
  <si>
    <t>DESPESAS COM RECURSOS DO FUNDEB (POR ÁREA DE ATUAÇÃO)6</t>
  </si>
  <si>
    <t>Inscritas em Restos a Pagar Não Processados (g)</t>
  </si>
  <si>
    <t>11- PROFISSIONAIS DA EDUCAÇÃO BÁSICA</t>
  </si>
  <si>
    <t xml:space="preserve">      11.1- Ensino Fundamental </t>
  </si>
  <si>
    <t xml:space="preserve">      11.2- Ensino Médio </t>
  </si>
  <si>
    <t>12- OUTRAS DESPESAS</t>
  </si>
  <si>
    <t xml:space="preserve">      12.1- Ensino Fundamental </t>
  </si>
  <si>
    <t xml:space="preserve">      12.2- Ensino Médio</t>
  </si>
  <si>
    <t>13- TOTAL DAS DESPESAS COM RECURSOS DO FUNDEB (11 + 12)</t>
  </si>
  <si>
    <t>DESPESAS CUSTEADAS COM RECEITAS DO FUNDEB RECEBIDAS NO EXERCÍCIO</t>
  </si>
  <si>
    <t>Inscritas Em Restos A Pagar Não Processados (Sem Disponibilidade de Caixa)7 (h)</t>
  </si>
  <si>
    <t>14- Total das Despesas do FUNDEB com Profissionais da Educação Básica</t>
  </si>
  <si>
    <t>15- Total das Despesas custeadas com FUNDEB - Impostos e Transferências de Impostos</t>
  </si>
  <si>
    <t>16- Total das Despesas custeadas com FUNDEB - Complementação da União - VAAF</t>
  </si>
  <si>
    <t>17- Total das Despesas custeadas com FUNDEB - Complementação da União - VAAT</t>
  </si>
  <si>
    <t>18- Total das Despesas custeadas com FUNDEB - Complementação da União - VAAT Aplicadas em Despesa de Capital</t>
  </si>
  <si>
    <t>INDICADORES - ART. 212-A, INCISO XI E § 3º - CONSTITUIÇÃO FEDERAL2</t>
  </si>
  <si>
    <t>Valor Exigido (i)</t>
  </si>
  <si>
    <t>Valor Aplicado (j)</t>
  </si>
  <si>
    <t>Valor Considerado Após Deduções (k)</t>
  </si>
  <si>
    <t>% Aplicado (l)</t>
  </si>
  <si>
    <t>19- Mínimo de 70% do FUNDEB na Remuneração dos Profissionais da Educação Básica</t>
  </si>
  <si>
    <t>20- Mínimo de 15% da Complementação da União ao FUNDEB - VAAT em Despesas de Capital</t>
  </si>
  <si>
    <t>INDICADOR - ART.25, § 3º - LEI Nº 14.113, DE 2020 - (MÁXIMO DE 10% DE SUPERÁVIT)3</t>
  </si>
  <si>
    <t>Valor Máximo Permitido (m)</t>
  </si>
  <si>
    <t>Valor Não Aplicado (n)</t>
  </si>
  <si>
    <t>Valor Não Aplicado Após Ajuste (o)</t>
  </si>
  <si>
    <t>% Não Aplicado (p)</t>
  </si>
  <si>
    <t xml:space="preserve">21- Total da Receita Recebida e não Aplicada no Exercício </t>
  </si>
  <si>
    <t>INDICADOR - ART.25, § 3º - LEI Nº 14.113, DE 2020 - (APLICAÇÃO DO SUPERÁVIT DE EXERCÍCIO ANTERIOR)3</t>
  </si>
  <si>
    <t>Valor de Superávit Permitido No Exercício 2021 (q)</t>
  </si>
  <si>
    <t>Valor Não Aplicado No Exercício 2021 (r)</t>
  </si>
  <si>
    <t>Valor de Superávit Aplicado Até o Primeiro Quadrimestre (s)</t>
  </si>
  <si>
    <t>Valor Aplicado Até o Primeiro Quadrimestre Que Integrará o Limite Constitucional (t)</t>
  </si>
  <si>
    <t>Valor Aplicado Após o Primeiro Quadrimestre (u)</t>
  </si>
  <si>
    <t>VALOR NÃO APLICADO (v) = (r) - (s) - (u)</t>
  </si>
  <si>
    <t>22- Total das Despesas custeadas com Superávit do FUNDEB</t>
  </si>
  <si>
    <t xml:space="preserve">   22.1- Total das Despesas custeadas com FUNDEB - Impostos e Transferências de Impostos</t>
  </si>
  <si>
    <t xml:space="preserve">   22.2- Total das Despesas custeadas com FUNDEB - Complementação da União (VAAF + VAAT)</t>
  </si>
  <si>
    <t>DESPESAS COM AÇÕES TÍPICAS DE MDE - RECEITAS DE IMPOSTOS - EXCETO FUNDEB (POR ÁREA DE ATUAÇÃO)6</t>
  </si>
  <si>
    <t>23- EDUCAÇÃO INFANTIL</t>
  </si>
  <si>
    <t xml:space="preserve">      23.1- Creche</t>
  </si>
  <si>
    <t xml:space="preserve">      23.2- Pré-escola</t>
  </si>
  <si>
    <t xml:space="preserve">24- ENSINO FUNDAMENTAL </t>
  </si>
  <si>
    <t xml:space="preserve">25- ENSINO MÉDIO </t>
  </si>
  <si>
    <t>26- ENSINO SUPERIOR</t>
  </si>
  <si>
    <t>27- ENSINO PROFISSIONAL NÃO INTEGRADO AO ENSINO REGULAR</t>
  </si>
  <si>
    <t>28- TOTAL DAS DESPESAS COM AÇÕES TÍPICAS DE MDE (23 + 24 + 25 + 26 + 27)</t>
  </si>
  <si>
    <t>APURAÇÃO DAS DESPESAS PARA FINS DE LIMITE MÍNIMO CONSTITUCIONAL</t>
  </si>
  <si>
    <t>29- TOTAL DAS DESPESAS DE MDE CUSTEADAS COM RECURSOS DE IMPOSTOS (FUNDEB E RECEITA DE IMPOSTOS) = (L15(d ou e) + L28(d ou e) + L22.1(t))</t>
  </si>
  <si>
    <t>30 (-) RESULTADO LÍQUIDO DAS TRANSFERÊNCIAS DO FUNDEB = (L8)</t>
  </si>
  <si>
    <t>31 (-) RESTOS A PAGAR NÃO PROCESSADOS INSCRITOS NO EXERCÍCIO SEM DISPONIBILIDADE FINANCEIRA DE RECURSOS DO FUNDEB IMPOSTOS4 = (L15h)</t>
  </si>
  <si>
    <t>32 (-) RESTOS A PAGAR NÃO PROCESSADOS INSCRITOS NO EXERCÍCIO SEM DISPONIBILIDADE FINANCEIRA DE RECURSOS DE IMPOSTOS4 e 7</t>
  </si>
  <si>
    <t xml:space="preserve">33 (-) CANCELAMENTO, NO EXERCÍCIO, DE RESTOS A PAGAR INSCRITOS COM DISPONIBILIDADE FINANCEIRA DE RECURSOS DE IMPOSTOS VINCULADOS AO ENSINO = (L37.1(ac) + L37.2(ac)) </t>
  </si>
  <si>
    <t>35- TOTAL DAS DESPESAS PARA FINS DE LIMITE  (29 – (30 + 31 + 32 + 33))</t>
  </si>
  <si>
    <t>APURAÇÃO DO LIMITE MÍNIMO CONSTITUCIONAL2 E 5</t>
  </si>
  <si>
    <t>Valor Exigido (x)</t>
  </si>
  <si>
    <t>Valor Aplicado (w)</t>
  </si>
  <si>
    <t>% Aplicado (y)</t>
  </si>
  <si>
    <t>36- APLICAÇÃO EM MDE SOBRE A RECEITA LÍQUIDA RESULTANTE DE IMPOSTOS</t>
  </si>
  <si>
    <t>RESTOS A PAGAR INSCRITOS EM EXERCÍCIOS ANTERIORES COM DISPONIBILIDADE FINANCEIRA DE RECURSOS DE IMPOSTOS E DO FUNDEB8</t>
  </si>
  <si>
    <t>Saldo Inicial (z)</t>
  </si>
  <si>
    <t>RP Liquidados (aa)</t>
  </si>
  <si>
    <t>RP Pagos (ab)</t>
  </si>
  <si>
    <t>RP Cancelados (ac)</t>
  </si>
  <si>
    <t>SALDO FINAL (ad) = (z) – (ab) – (ac)</t>
  </si>
  <si>
    <t>37- RESTOS A PAGAR DE DESPESAS COM MDE</t>
  </si>
  <si>
    <t xml:space="preserve">   37.1 - Executadas com Recursos de Impostos e Transferências de Impostos</t>
  </si>
  <si>
    <t xml:space="preserve">   37.2 - Executadas com Recursos do FUNDEB - Impostos</t>
  </si>
  <si>
    <t xml:space="preserve">   37.3 - Executadas com Recursos do FUNDEB - Complementação da União (VAAT + VAAF)</t>
  </si>
  <si>
    <t>RECEITAS ADICIONAIS PARA FINANCIAMENTO DO ENSINO</t>
  </si>
  <si>
    <t>38- RECEITA DE TRANSFERÊNCIAS DO FNDE (INCLUINDO RENDIMENTOS DE APLICAÇÃO FINANCEIRA)</t>
  </si>
  <si>
    <t xml:space="preserve">       38.1- Salário-Educação</t>
  </si>
  <si>
    <t xml:space="preserve">       38.2- PDDE</t>
  </si>
  <si>
    <t xml:space="preserve">       38.3- PNAE</t>
  </si>
  <si>
    <t xml:space="preserve">       38.4 - PNATE</t>
  </si>
  <si>
    <t xml:space="preserve">       38.5- Outras Transferências do FNDE</t>
  </si>
  <si>
    <t>39- RECEITA DE TRANSFERÊNCIAS DE CONVÊNIOS</t>
  </si>
  <si>
    <t>40- RECEITA DE ROYALTIES DESTINADOS À EDUCAÇÃO</t>
  </si>
  <si>
    <t>41- RECEITA DE OPERAÇÕES DE CRÉDITO VINCULADAS À EDUCAÇÃO</t>
  </si>
  <si>
    <t>42- OUTRAS RECEITAS PARA FINANCIAMENTO DO ENSINO</t>
  </si>
  <si>
    <t>43- TOTAL DAS RECEITAS ADICIONAIS PARA FINANCIAMENTO DO ENSINO = (38 + 39 + 40 + 41 + 42)</t>
  </si>
  <si>
    <t>OUTRAS DESPESAS COM EDUCAÇÃO (POR ÁREA DE ATUAÇÃO)6</t>
  </si>
  <si>
    <t>44- EDUCAÇÃO INFANTIL</t>
  </si>
  <si>
    <t xml:space="preserve">      44.1- Creche</t>
  </si>
  <si>
    <t xml:space="preserve">      44.2- Pré-escola</t>
  </si>
  <si>
    <t xml:space="preserve">45- ENSINO FUNDAMENTAL </t>
  </si>
  <si>
    <t xml:space="preserve">46- ENSINO MÉDIO </t>
  </si>
  <si>
    <t>47- ENSINO SUPERIOR</t>
  </si>
  <si>
    <t>48- ENSINO PROFISSIONAL NÃO INTEGRADO AO ENSINO REGULAR</t>
  </si>
  <si>
    <t>49- TOTAL DAS DESPESAS CUSTEADAS COM RECEITAS ADICIONAIS PARA FINANCIAMENTO DO ENSINO (44 + 45 + 46 + 47 + 48)</t>
  </si>
  <si>
    <t>TOTAL GERAL DAS DESPESAS COM EDUCAÇÃO</t>
  </si>
  <si>
    <t>50- TOTAL GERAL DAS DESPESAS COM EDUCAÇÃO (13 + 28 + 49)</t>
  </si>
  <si>
    <t xml:space="preserve">   50.1- Despesas Correntes</t>
  </si>
  <si>
    <t xml:space="preserve">         50.1.1 - Pessoal Ativo</t>
  </si>
  <si>
    <t xml:space="preserve">         50.1.2 - Pessoal Inativo</t>
  </si>
  <si>
    <t xml:space="preserve">         50.1.3 -Transferências às instituições comunitárias, confessionais ou filantrópicas sem fins lucrativos</t>
  </si>
  <si>
    <t xml:space="preserve">         50.1.4 -Outras Despesas Correntes</t>
  </si>
  <si>
    <t xml:space="preserve">   50.2- Despesas de Capital</t>
  </si>
  <si>
    <t xml:space="preserve">         50.2.1 -Transferências às instituições comunitárias, confessionais ou filantrópicas sem fins lucrativos</t>
  </si>
  <si>
    <t xml:space="preserve">         50.2.2 -Outras Despesas de Capital</t>
  </si>
  <si>
    <t>CONTROLE DA DISPONIBILIDADE FINANCEIRA E CONCILIAÇÃO BANCÁRIA</t>
  </si>
  <si>
    <t>FUNDEB (ae)</t>
  </si>
  <si>
    <t>Salário Educação (af)</t>
  </si>
  <si>
    <t xml:space="preserve">   51- DISPONIBILIDADE FINANCEIRA EM 31 DE DEZEMBRO DE 2021</t>
  </si>
  <si>
    <t xml:space="preserve">   52- (+) INGRESSO DE RECURSOS ATÉ O BIMESTRE (orçamentário)</t>
  </si>
  <si>
    <t xml:space="preserve">   53- (-) PAGAMENTOS EFETUADOS ATÉ O BIMESTRE (orçamentário e restos a pagar)</t>
  </si>
  <si>
    <t>54- (=) DISPONIBILIDADE FINANCEIRA ATÉ O BIMESTRE</t>
  </si>
  <si>
    <t>55- (+) AJUSTES POSITIVOS ( RETENÇÕES E OUTROS VALORES EXTRAORÇAMENTÁRIOS)</t>
  </si>
  <si>
    <t>56- (-) AJUSTES NEGATIVOS (OUTROS VALORES EXTRAORÇAMENTÁRIOS)</t>
  </si>
  <si>
    <t>57- (=) SALDO FINANCEIRO CONCILIADO (Saldo Bancário)</t>
  </si>
  <si>
    <t>ANEXO 8.4 - RREO</t>
  </si>
  <si>
    <t>RREO - Anexo 8.1 (Portaria STN nº 72/2012, art. 11, II, b)</t>
  </si>
  <si>
    <t>DESPESAS COM EDUCAÇÃO EXECUTADAS EM CONSÓRCIO PÚBLICO</t>
  </si>
  <si>
    <t>Valores Transferidos por Contrato de Rateio (a)</t>
  </si>
  <si>
    <t>Despesas Empenhadas Até o Bimestre (b)</t>
  </si>
  <si>
    <t>Despesas Liquidadas até o Bimestre (c)</t>
  </si>
  <si>
    <t>Despesas Pagas Até o Bimestre (d)</t>
  </si>
  <si>
    <t>Inscritas em Restos a Pagar Não Processados (e)</t>
  </si>
  <si>
    <t>EDUCAÇÃO INFANTIL (I)</t>
  </si>
  <si>
    <t xml:space="preserve">       Despesas com MDE Custeadas com Recursos do FUNDEB - Impostos e Transferências de Impostos</t>
  </si>
  <si>
    <t xml:space="preserve">       Despesas com MDE Custeadas com Recursos do FUNDEB - Complementação da União - VAAF</t>
  </si>
  <si>
    <t xml:space="preserve">       Despesas com MDE Custeadas com Recursos do FUNDEB - Complementação da União - VAAT</t>
  </si>
  <si>
    <t xml:space="preserve">       Despesas com MDE Custeadas com Outros Receitas de Impostos</t>
  </si>
  <si>
    <t xml:space="preserve">       Despesas com MDE Custeadas com outros Recursos destinados à Educação</t>
  </si>
  <si>
    <t>ENSINO FUNDAMENTAL (II)</t>
  </si>
  <si>
    <t xml:space="preserve">       Despesas Custeadas com outros Recursos destinados à Educação</t>
  </si>
  <si>
    <t>ENSINO MÉDIO (III)</t>
  </si>
  <si>
    <t>ENSINO SUPERIOR (IV)</t>
  </si>
  <si>
    <t>ENSINO PROFISSIONAL NÃO INTEGRADO AO ENSINO REGULAR (V)</t>
  </si>
  <si>
    <t>TOTAL DAS DESPESAS COM EDUCAÇÃO VII = (I + II + III + IV + V)</t>
  </si>
  <si>
    <t>ANEXO 12 - RREO</t>
  </si>
  <si>
    <t>RREO - Anexo 12 (LC n° 141/2012 art.35)</t>
  </si>
  <si>
    <t>RECEITAS RESULTANTES DE IMPOSTOS E TRANSFERÊNCIAS CONSTITUCIONAIS E LEGAIS</t>
  </si>
  <si>
    <t>% (b/a) x 100</t>
  </si>
  <si>
    <t>RECEITA DE IMPOSTOS  (I)</t>
  </si>
  <si>
    <t xml:space="preserve">       Receita Resultante do Imposto sobre a Circulação de Mercadorias e Serviços de Transporte Interestadual e Intermunicipal e de Comunicação – ICMS</t>
  </si>
  <si>
    <t xml:space="preserve">              ICMS</t>
  </si>
  <si>
    <t xml:space="preserve">              Multas, Juros de Mora, Divida Ativa e Outros Encargos do ICMS</t>
  </si>
  <si>
    <t xml:space="preserve">              Adicional de até 2% do ICMS destinado ao Fundo de Combate à Pobreza (ADCT, art. 82, §1º)</t>
  </si>
  <si>
    <t xml:space="preserve">       Receita Resultante do Imposto de Transmissão Causa Mortis e Doação de Bens e Direitos – ITCD</t>
  </si>
  <si>
    <t xml:space="preserve">              ITCD</t>
  </si>
  <si>
    <t xml:space="preserve">              Multas, Juros de Mora, Dívida Ativa e Outros Encargos do ITCD</t>
  </si>
  <si>
    <t xml:space="preserve">       Receita Resultante do Imposto sobre a Propriedade de Veículos Automotores – IPVA</t>
  </si>
  <si>
    <t xml:space="preserve">              IPVA</t>
  </si>
  <si>
    <t xml:space="preserve">              Multas, Juros de Mora, Dívida Ativa e Outros Encargos do IPVA</t>
  </si>
  <si>
    <t xml:space="preserve">       Receita Resultante do Imposto sobre a Renda e Proventos de Qualquer Natureza Retido na Fonte – IRRF</t>
  </si>
  <si>
    <t>RECEITA DE TRANSFERÊNCIAS CONSTITUCIONAIS E LEGAIS (II)</t>
  </si>
  <si>
    <t xml:space="preserve">       Cota-Parte FPE </t>
  </si>
  <si>
    <t xml:space="preserve">       Cota-Parte IPI-Exportação </t>
  </si>
  <si>
    <t xml:space="preserve">       Compensações Financeiras Provenientes de Impostos e Transferências Constitucionais</t>
  </si>
  <si>
    <t xml:space="preserve">              ICMS-Desoneração - L.C. nº 87/1996 </t>
  </si>
  <si>
    <t xml:space="preserve">              Outras</t>
  </si>
  <si>
    <t>DEDUÇÕES DE TRANSFERÊNCIAS CONSTITUCIONAIS AOS MUNICÍPIOS (III)</t>
  </si>
  <si>
    <t xml:space="preserve">       PARCELA DO ICMS REPASSADA AOS MUNICÍPIOS (25%)</t>
  </si>
  <si>
    <t xml:space="preserve">       PARCELA DO IPVA REPASSADA AOS MUNICÍPIOS (50%)</t>
  </si>
  <si>
    <t xml:space="preserve">       PARCELA DA COTA-PARTE DO IPI-EXPORTAÇÃO REPASSADA AOS MUNICÍPIOS (25%)</t>
  </si>
  <si>
    <t>TOTAL DAS RECEITAS RESULTANTES DE IMPOSTOS E TRANFERÊNCIAS CONSTITUCIONAIS E LEGAIS - (IV) = (I) + (II) - (III)</t>
  </si>
  <si>
    <t xml:space="preserve">DESPESAS COM AÇÕES E SERVIÇOS PÚBLICOS DE SAÚDE (ASPS) –  POR SUBFUNÇÃO E CATEGORIA ECONÔMICA </t>
  </si>
  <si>
    <t xml:space="preserve"> %  (d / c) x 100  </t>
  </si>
  <si>
    <t xml:space="preserve">Até o Bimestre (e) </t>
  </si>
  <si>
    <t>%  (e / c) x 100</t>
  </si>
  <si>
    <t>Despesas Pagas</t>
  </si>
  <si>
    <t>%  (f / c) x 100</t>
  </si>
  <si>
    <t>ATENÇÃO BÁSICA  (V)</t>
  </si>
  <si>
    <t xml:space="preserve">        Despesas Correntes </t>
  </si>
  <si>
    <t xml:space="preserve">        Despesas de Capital</t>
  </si>
  <si>
    <t>ASSISTÊNCIA HOSPITALAR E AMBULATORIAL  (VI)</t>
  </si>
  <si>
    <t xml:space="preserve">        Despesas de Capital </t>
  </si>
  <si>
    <t>SUPORTE PROFILÁTICO E TERAPÊUTICO  (VII)</t>
  </si>
  <si>
    <t>VIGILÂNCIA SANITÁRIA  (VIII)</t>
  </si>
  <si>
    <t>VIGILÂNCIA EPIDEMIOLÓGICA  (IX)</t>
  </si>
  <si>
    <t>ALIMENTAÇÃO E NUTRIÇÃO  (X)</t>
  </si>
  <si>
    <t>OUTRAS SUBFUNÇÕES (XI)</t>
  </si>
  <si>
    <t>TOTAL (XII) = (V + VI + VII + VIII + IX + X + XI)</t>
  </si>
  <si>
    <t>APURAÇÃO DO CUMPRIMENTO DO LIMITE MÍNIMO PARA APLICAÇÃO EM ASPS</t>
  </si>
  <si>
    <t>DESPESAS EMPENHADAS (d)</t>
  </si>
  <si>
    <t>DESPESAS LIQUIDADAS (e)</t>
  </si>
  <si>
    <t>DESPESAS PAGAS (f)</t>
  </si>
  <si>
    <t>Total das Despesas com ASPS (XIII) = (XII)</t>
  </si>
  <si>
    <t>(-) Restos a Pagar Não Processados Inscritos Indevidamente no Exercício sem Disponibilidade Financeira (XIV)</t>
  </si>
  <si>
    <t>(-) Despesas Custeadas com Recursos Vinculados à Parcela do Percentual Mínimo que não foi Aplicada em ASPS em Exercícios Anteriores (XV)</t>
  </si>
  <si>
    <t>(-) Despesas Custeadas com Disponibilidade de Caixa Vinculada aos Restos a Pagar Cancelados (XVI)</t>
  </si>
  <si>
    <t>(=) VALOR APLICADO EM ASPS (XVII) = (XIII - XIV - XV - XVI)</t>
  </si>
  <si>
    <t>DESPESAS MÍNIMAS ASPS</t>
  </si>
  <si>
    <t>DESPESA REALIZADA</t>
  </si>
  <si>
    <t>Despesa Mínima a ser Aplicada em ASPS (XVIII) = (IV) x 12% (LC 141/2012)</t>
  </si>
  <si>
    <t>Despesa Mínima a ser Aplicada em ASPS (XVIII) = (IV) x % (Constituição Estadual)</t>
  </si>
  <si>
    <t>DIFERENÇA ENTRE O VALOR APLICADO</t>
  </si>
  <si>
    <t>Diferença entre o Valor Aplicado e a Despesa Mínima a ser Aplicada (XIX) = (XVII (d ou e) - XVIII)¹</t>
  </si>
  <si>
    <t>LIMITE NÃO CUMPRIDO</t>
  </si>
  <si>
    <t>Limite não Cumprido (XX) = (XIX) (Quando valor for inferior a zero)</t>
  </si>
  <si>
    <t>PERCENTUAL</t>
  </si>
  <si>
    <t>PERCENTUAL DA RECEITA DE IMPOSTOS E TRANSFERÊNCIAS CONSTITUCIONAIS E LEGAIS APLICADO EM ASPS  (XVII / IV)*100 (mínimo de 12% conforme LC n° 141/2012 ou % da Constituição Estadual)</t>
  </si>
  <si>
    <t>CONTROLE DO VALOR REFERENTE AO PERCENTUAL MÍNIMO NÃO CUMPRIDO EM EXERCÍCIOS ANTERIORES - ARTIGOS 25 E 26 DA LC 141/2012</t>
  </si>
  <si>
    <t>Saldo Inicial (no exercício atual) (h)</t>
  </si>
  <si>
    <t>Despesas custeadas no exercício de referência</t>
  </si>
  <si>
    <t>Empenhadas (i)</t>
  </si>
  <si>
    <t>Liquidadas (j)</t>
  </si>
  <si>
    <t>Pagas (k)</t>
  </si>
  <si>
    <t>Saldo Final (não aplicado)¹ (l) = (h - (i ou j))</t>
  </si>
  <si>
    <t>Diferença de limite não cumprido em 2022 (saldo final = XXd)</t>
  </si>
  <si>
    <t>Diferença de limite não cumprido em 2021 (saldo inicial igual ao saldo final do demonstrativo do exercício anterior)</t>
  </si>
  <si>
    <t>Diferença de limite não cumprido em Exercícios Anteriores (saldo inicial igual ao saldo final do demonstrativo do exercício anterior)</t>
  </si>
  <si>
    <t>TOTAL DA DIFERENÇA DE LIMITE NÃO CUMPRIDO EM EXERCÍCIOS ANTERIORES (XXI)</t>
  </si>
  <si>
    <t>EXERCÍCIO DO EMPENHO²</t>
  </si>
  <si>
    <t>Valor Mínimo para aplicação em ASPS (m)</t>
  </si>
  <si>
    <t>Valor aplicado em ASPS no exercício (n)</t>
  </si>
  <si>
    <t>Valor aplicado além do limite mínimo (o) = (n - m), se &lt; 0, então (o) = 0</t>
  </si>
  <si>
    <t>Total inscrito em RP no exercício (p)</t>
  </si>
  <si>
    <t>RPNP Inscritos Indevidamente no Exercício sem Disponibilidade Financeira q = (XIIId)</t>
  </si>
  <si>
    <t>Valor inscrito em RP considerado no Limite (r) = (p - (o + q)) se &lt; 0, então (r) = (0)</t>
  </si>
  <si>
    <t>Total de RP pagos (s)</t>
  </si>
  <si>
    <t>Total de RP a pagar (t)</t>
  </si>
  <si>
    <t>Total de RP cancelados ou prescritos (u)</t>
  </si>
  <si>
    <t>Diferença entre o valor aplicado além do limite e o total de RP cancelados (v) = ((o + q) - u))</t>
  </si>
  <si>
    <t>Empenhos de 2022 (regra nova)</t>
  </si>
  <si>
    <t>Empenhos de 2021 (regra nova)</t>
  </si>
  <si>
    <t>Empenhos de 2020 (regra nova)</t>
  </si>
  <si>
    <t>Empenhos de 2019</t>
  </si>
  <si>
    <t>Empenhos de 2018 e Anteriores</t>
  </si>
  <si>
    <t>TOTAL DOS RESTOS A PAGAR CANCELADOS OU PRESCRITOS ATÉ O FINAL DO EXERCÍCIO ATUAL QUE AFETARAM O CUMPRIMENTO DO LIMITE (XXII) (soma dos saldos negativos da coluna "v")</t>
  </si>
  <si>
    <t>TOTAL DOS RESTOS A PAGAR CANCELADOS OU PRESCRITOS ATÉ O FINAL DO EXERCÍCIO ANTERIOR QUE AFETARAM O CUMPRIMENTO DO LIMITE (XXIII) (valor informado no demonstrativo do exercício anterior)</t>
  </si>
  <si>
    <t>TOTAL DOS RESTOS A PAGAR CANCELADOS OU PRESCRITOS NO EXERCÍCIO ATUAL QUE AFETARAM O CUMPRIMENTO DO LIMITE (XXIV) = (XXII - XXIII) (Artigo 24 § 1º e 2º da LC 141/2012)</t>
  </si>
  <si>
    <t>CONTROLE DE RESTOS A PAGAR CANCELADOS OU PRESCRITOS CONSIDERADOS PARA FINS DE APLICAÇÃO DA DISPONIBILIDADE DE CAIXA CONFORME ARTIGO 24§ 1º E 2º DA LC 141/2012</t>
  </si>
  <si>
    <t>Saldo Inicial (w)</t>
  </si>
  <si>
    <t>Empenhadas (x)</t>
  </si>
  <si>
    <t>Liquidadas (y)</t>
  </si>
  <si>
    <t>Pagas (z)</t>
  </si>
  <si>
    <t>Saldo Final (não aplicado)¹ (aa) = (w - (x ou y))</t>
  </si>
  <si>
    <t xml:space="preserve"> Restos a pagar cancelados ou prescritos em 2022 a serem compensados (XXV) (saldo inicial = XXIV)</t>
  </si>
  <si>
    <t xml:space="preserve"> Restos a pagar cancelados ou prescritos em 2021 a serem compensados (XXVI) (saldo inicial igual ao saldo final do demonstrativo do exercício anterior)</t>
  </si>
  <si>
    <t xml:space="preserve"> Restos a pagar cancelados ou prescritos em exercícios anteriores a serem compensados (XXVII) (saldo inicial igual ao saldo final do demonstrativo do exercício anterior)</t>
  </si>
  <si>
    <t>TOTAL DE RESTOS A PAGAR CANCELADOS OU PRESCRITOS A COMPENSAR (XXVIII)</t>
  </si>
  <si>
    <t>RECEITAS ADICIONAIS PARA O FINANCIAMENTO DA SAÚDE NÃO COMPUTADAS NO CÁLCULO DO MÍNIMO</t>
  </si>
  <si>
    <t xml:space="preserve">Até o Bimestre (b) </t>
  </si>
  <si>
    <t>RECEITAS DE TRANSFERÊNCIAS PARA A SAÚDE  (XXIX)</t>
  </si>
  <si>
    <t xml:space="preserve">        Proveniente da União</t>
  </si>
  <si>
    <t xml:space="preserve">        Proveniente dos Estados </t>
  </si>
  <si>
    <t xml:space="preserve">        Proveniente dos Municípios </t>
  </si>
  <si>
    <t>RECEITA DE OPERAÇÕES DE CRÉDITO INTERNAS E EXTERNAS VINCULADAS A SAÚDE (XXX)</t>
  </si>
  <si>
    <t>OUTRAS RECEITAS (XXXI)</t>
  </si>
  <si>
    <t>TOTAL DE RECEITAS ADICIONAIS PARA FINANCIAMENTO DA SAÚDE (XXXII) = (XXIX + XXX + XXXI)</t>
  </si>
  <si>
    <t>DESPESAS COM SAÚDE POR SUBFUNÇÕES E CATEGORIA ECONÔMICA NÃO COMPUTADAS NO CÁLCULO DO MÍNIMO</t>
  </si>
  <si>
    <t>ATENÇÃO BÁSICA (XXXIII)</t>
  </si>
  <si>
    <t>ASSISTÊNCIA HOSPITALAR E AMBULATORIAL  (XXXIV)</t>
  </si>
  <si>
    <t>SUPORTE PROFILÁTICO E TERAPÊUTICO (XXXV)</t>
  </si>
  <si>
    <t>VIGILÂNCIA SANITÁRIA (XXXVI)</t>
  </si>
  <si>
    <t>VIGILÂNCIA EPIDEMIOLÓGICA (XXXVII)</t>
  </si>
  <si>
    <t>ALIMENTAÇÃO E NUTRIÇÃO (XXXVIII)</t>
  </si>
  <si>
    <t>OUTRAS SUBFUNÇÕES (XXXIX)</t>
  </si>
  <si>
    <t>TOTAL DAS DESPESAS NÃO COMPUTADAS NO CÁLCULO DO MÍNIMO  (XL) = ( XXXIII + XXXIV + XXXV + XXXVI + XXXVII + XXXVIII + XXXIX)</t>
  </si>
  <si>
    <t>DESPESAS TOTAIS COM SAÚDE EXECUTADAS COM RECURSOS PRÓPRIOS E COM RECURSOS TRANSFERIDOS DE OUTROS ENTES</t>
  </si>
  <si>
    <t>Até o Bimestre (e)</t>
  </si>
  <si>
    <t>ATENÇÃO BÁSICA (XLI) = (V + XXXIII)</t>
  </si>
  <si>
    <t>ASSISTÊNCIA HOSPITALAR E AMBULATORIAL (XLII) = (VI + XXXIV)</t>
  </si>
  <si>
    <t>SUPORTE PROFILÁTICO E TERAPÊUTICO (XLIII) = (VII + XXXV)</t>
  </si>
  <si>
    <t>VIGILÂNCIA SANITÁRIA (XLIV) = (VIII + XXXVI)</t>
  </si>
  <si>
    <t>VIGILÂNCIA EPIDEMIOLÓGICA (XLV) = (IX + XXXVII)</t>
  </si>
  <si>
    <t>ALIMENTAÇÃO E NUTRIÇÃO  (XLVI) = (X + XXXVIII)</t>
  </si>
  <si>
    <t>OUTRAS SUBFUNÇÕES (XLVII) = (XI + XXXIX)</t>
  </si>
  <si>
    <t>TOTAL DAS DESPESAS COM SAÚDE (XLVIII) = (XII +XL)</t>
  </si>
  <si>
    <t>(-) Despesas executadas com recursos provenientes das transferências de recursos de outros entes3</t>
  </si>
  <si>
    <t>TOTAL DAS DESPESAS EXECUTADAS COM RECURSOS PRÓPRIOS (XLIX)</t>
  </si>
  <si>
    <t>ANEXO 12.4 - RREO</t>
  </si>
  <si>
    <t>RREO - Anexo 12.1 (LC nº 141/2012, art. 35 e Portaria STN nº 72/2012, Art. 11, II, b.)</t>
  </si>
  <si>
    <t>DESPESAS COM AÇÕES E SERVIÇOS PÚBLICOS DE SAÚDE (ASPS) –  POR SUBFUNÇÃO E CATEGORIA ECONÔMICA EXECUTADAS EM CONSÓRCIO PÚBLICO</t>
  </si>
  <si>
    <t>% (c/a) x 100</t>
  </si>
  <si>
    <t>% (d/a) x 100</t>
  </si>
  <si>
    <t>ATENÇÃO BÁSICA  (I)</t>
  </si>
  <si>
    <t xml:space="preserve">   Despesas Correntes</t>
  </si>
  <si>
    <t xml:space="preserve">   Despesas de Capital</t>
  </si>
  <si>
    <t>ASSISTÊNCIA HOSPITALAR E AMBULATORIAL  (II)</t>
  </si>
  <si>
    <t xml:space="preserve">   Despesas de Capital </t>
  </si>
  <si>
    <t>SUPORTE PROFILÁTICO E TERAPÊUTICO  (III)</t>
  </si>
  <si>
    <t>VIGILÂNCIA SANITÁRIA  (IV)</t>
  </si>
  <si>
    <t>VIGILÂNCIA EPIDEMIOLÓGICA  (V)</t>
  </si>
  <si>
    <t>ALIMENTAÇÃO E NUTRIÇÃO   (VI)</t>
  </si>
  <si>
    <t xml:space="preserve">   Despesas Correntes </t>
  </si>
  <si>
    <t>OUTRAS SUBFUNÇÕES (VII)</t>
  </si>
  <si>
    <t>TOTAL DAS DESPESAS COM ASPS EXECUTADAS EM CONSÓRCIO PÚBLICO (VIII) = (I + II + III + IV + V + VI + VII)</t>
  </si>
  <si>
    <t>DEDUÇÕES DA DESPESA COM ASPS</t>
  </si>
  <si>
    <t>Restos a Pagar Não Processados Inscritos Indevidamente no Exercício sem Disponibilidade Financeira (IX)</t>
  </si>
  <si>
    <t>Despesas Custeadas com Recursos Vinculados à Parcela do Percentual Mínimo que não foi Aplicada em ASPS em Exercícios Anteriores (X)</t>
  </si>
  <si>
    <t>Despesas Custeadas com Disponibilidade de Caixa Vinculada aos Restos a Pagar Cancelados (XI)</t>
  </si>
  <si>
    <t>VALOR APLICADO EM ASPS (XII) = (VIII - IX - X - XI)</t>
  </si>
  <si>
    <t>ANEXO 13 - RREO</t>
  </si>
  <si>
    <t>RREO - Anexo 13 (Lei nº 11.079, de 30.12.2004, arts. 22, 25 e 28)</t>
  </si>
  <si>
    <t>IMPACTOS DAS CONTRATAÇÕES DE PPP</t>
  </si>
  <si>
    <t>SALDO TOTAL EM 31 DE DEZEMBRO DO EXERCÍCIO ANTERIOR</t>
  </si>
  <si>
    <t>SALDO FINAL</t>
  </si>
  <si>
    <t xml:space="preserve">Até o Bimestre </t>
  </si>
  <si>
    <t>TOTAL DE ATIVOS</t>
  </si>
  <si>
    <t>Ativos Constituídos pela SPE</t>
  </si>
  <si>
    <t xml:space="preserve">TOTAL DE PASSIVOS </t>
  </si>
  <si>
    <t>Obrigações decorrentes de Ativos Constituídos pela SPE</t>
  </si>
  <si>
    <t>Provisões de PPP</t>
  </si>
  <si>
    <t xml:space="preserve">Outros Passivos </t>
  </si>
  <si>
    <t>ATOS POTENCIAIS PASSIVOS</t>
  </si>
  <si>
    <t>Obrigações Contratuais</t>
  </si>
  <si>
    <t>Riscos não Provisionados</t>
  </si>
  <si>
    <t>Garantias Concedidas</t>
  </si>
  <si>
    <t>Outros Passivos Contingentes</t>
  </si>
  <si>
    <t>DESPESAS DE PPP</t>
  </si>
  <si>
    <t>Exercício Anterior</t>
  </si>
  <si>
    <t>Exercício Corrente</t>
  </si>
  <si>
    <t>Ano 2023</t>
  </si>
  <si>
    <t>Ano 2024</t>
  </si>
  <si>
    <t>Ano 2025</t>
  </si>
  <si>
    <t>Ano 2026</t>
  </si>
  <si>
    <t>Ano 2027</t>
  </si>
  <si>
    <t>Ano 2028</t>
  </si>
  <si>
    <t>Ano 2029</t>
  </si>
  <si>
    <t>Ano 2030</t>
  </si>
  <si>
    <t>Ano 2031</t>
  </si>
  <si>
    <t>DO ENTE FEDERADO, EXCETO ESTATAIS NÃO DEPENDENTES (I) = (I.1 + I.2)</t>
  </si>
  <si>
    <t xml:space="preserve">   Contratadas (I.1)</t>
  </si>
  <si>
    <t xml:space="preserve">   A contratar (I.2)</t>
  </si>
  <si>
    <t>DAS ESTATAIS NÃO-DEPENDENTES (II) = (II.1 + II.2)</t>
  </si>
  <si>
    <t xml:space="preserve">   Contratadas (II.1)</t>
  </si>
  <si>
    <t xml:space="preserve">     A contratar (II.2)</t>
  </si>
  <si>
    <t>TOTAL DAS DESPESAS DE PPP (III) = (I + II)</t>
  </si>
  <si>
    <t>RECEITA CORRENTE LÍQUIDA (RCL) (IV)</t>
  </si>
  <si>
    <t>TOTAL DAS DESPESAS CONSIDERADAS PARA O LIMITE (I)</t>
  </si>
  <si>
    <t>TOTAL DAS DESPESAS CONSIDERADAS PARA O LIMITE / RCL (%) (V) = (I / IV)</t>
  </si>
  <si>
    <t>ANEXO 14 - RREO</t>
  </si>
  <si>
    <t>RREO - Anexo 14 (LRF, art. 48)</t>
  </si>
  <si>
    <t>BALANÇO ORÇAMENTÁRIO</t>
  </si>
  <si>
    <t>Até o Bimestre</t>
  </si>
  <si>
    <t xml:space="preserve">  Previsão Inicial </t>
  </si>
  <si>
    <t xml:space="preserve">  Previsão Atualizada </t>
  </si>
  <si>
    <t xml:space="preserve">  Receitas Realizadas </t>
  </si>
  <si>
    <t xml:space="preserve">  Déficit Orçamentário</t>
  </si>
  <si>
    <t xml:space="preserve">  Saldos de Exercícios Anteriores (Utilizados para Créditos Adicionais)</t>
  </si>
  <si>
    <t xml:space="preserve">  Dotação Inicial</t>
  </si>
  <si>
    <t xml:space="preserve">  Dotação Atualizada</t>
  </si>
  <si>
    <t xml:space="preserve">  Despesas Empenhadas</t>
  </si>
  <si>
    <t xml:space="preserve">  Despesas Liquidadas</t>
  </si>
  <si>
    <t xml:space="preserve">  Despesas Pagas</t>
  </si>
  <si>
    <t xml:space="preserve">  Superávit Orçamentário</t>
  </si>
  <si>
    <t>DESPESAS POR FUNÇÃO / SUBFUNÇÃO</t>
  </si>
  <si>
    <t>RECEITA CORRENTE LÍQUIDA - RCL</t>
  </si>
  <si>
    <t>Receita Corrente Líquida</t>
  </si>
  <si>
    <t>Receita Corrente Líquida Ajustada para Cálculo dos Limites de Endividamento</t>
  </si>
  <si>
    <t>Receita Corrente Líquida Ajustada para Cálculo dos Limites da Despesa com Pessoal</t>
  </si>
  <si>
    <t>RECEITAS E DESPESAS DO REGIME PRÓPRIO DE PREVIDÊNCIA DOS SERVIDORES E DO SISTEMA DE PROTEÇÃO SOCIAL DOS MILITARES</t>
  </si>
  <si>
    <t>Fundo em Capitalização (PLANO PREVIDENCIÁRIO)</t>
  </si>
  <si>
    <t xml:space="preserve">    Receitas Previdenciárias Realizadas</t>
  </si>
  <si>
    <t xml:space="preserve">    Despesas Previdenciárias Empenhadas</t>
  </si>
  <si>
    <t xml:space="preserve">    Despesas Previdenciárias Liquidadas</t>
  </si>
  <si>
    <t xml:space="preserve">    Despesas Previdenciárias Pagas</t>
  </si>
  <si>
    <t xml:space="preserve">    Resultado Previdenciário</t>
  </si>
  <si>
    <t>Fundo em Repartição (PLANO FINANCEIRO)</t>
  </si>
  <si>
    <t>Sistema de Proteção Social dos Militares - Inativos e Pensionistas</t>
  </si>
  <si>
    <t xml:space="preserve">    Receitas Realizadas</t>
  </si>
  <si>
    <t xml:space="preserve">    Despesas Empenhadas</t>
  </si>
  <si>
    <t xml:space="preserve">    Despesas Liquidadas</t>
  </si>
  <si>
    <t xml:space="preserve">    Despesas Pagas</t>
  </si>
  <si>
    <t xml:space="preserve">    Resultado Associado às Pensões e aos Inativos Militares</t>
  </si>
  <si>
    <t>RESULTADOS NOMINAL E PRIMÁRIO</t>
  </si>
  <si>
    <t>Meta Fixada no Anexo de Metas Fiscais da LDO (a)</t>
  </si>
  <si>
    <t>Resultado Apurado Até o Bimestre (b)</t>
  </si>
  <si>
    <t>% em Relação à Meta (b / a)</t>
  </si>
  <si>
    <t>Resultado Primário - Acima da Linha</t>
  </si>
  <si>
    <t>Resultado Nominal - Acima da Linha</t>
  </si>
  <si>
    <t>RESTOS A PAGAR POR PODER E MINISTÉRIO PÚBLICO</t>
  </si>
  <si>
    <t>Inscrição</t>
  </si>
  <si>
    <t>Cancelamento Até o Bimestre</t>
  </si>
  <si>
    <t>Pagamento Até o Bimestre</t>
  </si>
  <si>
    <t>Saldo a Pagar</t>
  </si>
  <si>
    <t xml:space="preserve">    RESTOS A PAGAR PROCESSADOS</t>
  </si>
  <si>
    <t xml:space="preserve">           Poder Executivo</t>
  </si>
  <si>
    <t xml:space="preserve">           Poder Legislativo</t>
  </si>
  <si>
    <t xml:space="preserve">           Poder Judiciário</t>
  </si>
  <si>
    <t xml:space="preserve">           Ministério Público</t>
  </si>
  <si>
    <t xml:space="preserve">           Defensoria Pública </t>
  </si>
  <si>
    <t xml:space="preserve">    RESTOS A PAGAR NÃO-PROCESSADOS</t>
  </si>
  <si>
    <t>TOTAL</t>
  </si>
  <si>
    <t>DESPESAS COM MANUTENÇÃO E DESENVOLVIMENTO DO ENSINO</t>
  </si>
  <si>
    <t>Valor Apurado Até o Bimestre</t>
  </si>
  <si>
    <t>Limites Constitucionais Anuais</t>
  </si>
  <si>
    <t>% Mínimo a Aplicar no Exercício</t>
  </si>
  <si>
    <t>% Aplicado Até o Bimestre</t>
  </si>
  <si>
    <t>Mínimo Anual de 25% das Receitas de Impostos na Manutenção e Desenvolvimento do Ensino</t>
  </si>
  <si>
    <t>Mínimo Anual de 70% do FUNDEB na Remuneração dos Profissionais da Educação Básica;</t>
  </si>
  <si>
    <t>Percentual de 50% da Complementação da União ao FUNDEB (VAAT) na Educação Infantil;</t>
  </si>
  <si>
    <t>Mínimo de 15% da Complementação da União ao FUNDEB (VAAT) em Despesas de Capital.</t>
  </si>
  <si>
    <t>RECEITAS DE OPERAÇÕES DE CRÉDITO E DESPESAS DE CAPITAL</t>
  </si>
  <si>
    <t>Valor Apurado No Exercício</t>
  </si>
  <si>
    <t>Saldo Não Realizado</t>
  </si>
  <si>
    <t>Receitas de Operações de Crédito</t>
  </si>
  <si>
    <t>Despesa de Capital Líquida</t>
  </si>
  <si>
    <t>PROJEÇÃO ATUARIAL DOS REGIMES DE PREVIDÊNCIA E DO SISTEMA DE PROTEÇÃO SOCIAL DOS MILITARES</t>
  </si>
  <si>
    <t>Exercício</t>
  </si>
  <si>
    <t>10º Exercício</t>
  </si>
  <si>
    <t>20º Exercício</t>
  </si>
  <si>
    <t>35º Exercício</t>
  </si>
  <si>
    <t>Fundo em Capitalização (Plano Previdenciário)</t>
  </si>
  <si>
    <t xml:space="preserve">    Receitas Previdenciárias</t>
  </si>
  <si>
    <t xml:space="preserve">    Despesas Previdenciárias</t>
  </si>
  <si>
    <t>Fundo em Repartição (Plano Financeiro)</t>
  </si>
  <si>
    <t>Pensões e Inativos Militares</t>
  </si>
  <si>
    <t xml:space="preserve">    Receitas de Contribuições</t>
  </si>
  <si>
    <t xml:space="preserve">    Despesas com Pensões e Inativos</t>
  </si>
  <si>
    <t>RECEITA DA ALIENAÇÃO DE ATIVOS E APLICAÇÃO DOS RECURSOS</t>
  </si>
  <si>
    <t>Saldo a Realizar</t>
  </si>
  <si>
    <t>Receitas da Alienação de Ativos</t>
  </si>
  <si>
    <t>Aplicação dos Recursos da Alienação de Ativos</t>
  </si>
  <si>
    <t>DESPESAS COM AÇÕES E SERVIÇOS PÚBLICOS DE SAÚDE</t>
  </si>
  <si>
    <t>Limite Constitucional Anual</t>
  </si>
  <si>
    <t>Despesas com Ações e Serviços Públicos de Saúde executadas com recursos de impostos</t>
  </si>
  <si>
    <t>DESPESAS DE CARÁTER CONTINUADO DERIVADO DE PPP</t>
  </si>
  <si>
    <t>Valor Apurado no Exercício Corrente</t>
  </si>
  <si>
    <t xml:space="preserve">Total das Despesas Consideradas para o Limite / RCL (%)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3" formatCode="_-* #,##0.00_-;\-* #,##0.00_-;_-* &quot;-&quot;??_-;_-@_-"/>
  </numFmts>
  <fonts count="12" x14ac:knownFonts="1">
    <font>
      <sz val="11"/>
      <color indexed="8"/>
      <name val="Calibri"/>
      <family val="2"/>
      <scheme val="minor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b/>
      <sz val="8"/>
      <name val="verdana"/>
    </font>
    <font>
      <sz val="8"/>
      <name val="verdana"/>
    </font>
    <font>
      <sz val="8"/>
      <name val="verdana"/>
    </font>
    <font>
      <sz val="11"/>
      <color indexed="8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C0C0C0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2">
    <xf numFmtId="0" fontId="0" fillId="0" borderId="0"/>
    <xf numFmtId="43" fontId="11" fillId="0" borderId="0" applyFont="0" applyFill="0" applyBorder="0" applyAlignment="0" applyProtection="0"/>
  </cellStyleXfs>
  <cellXfs count="16">
    <xf numFmtId="0" fontId="0" fillId="0" borderId="0" xfId="0"/>
    <xf numFmtId="0" fontId="1" fillId="2" borderId="1" xfId="0" applyFont="1" applyFill="1" applyBorder="1" applyAlignment="1">
      <alignment horizontal="center" vertical="center" wrapText="1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7" fillId="0" borderId="0" xfId="0" applyFont="1" applyAlignment="1">
      <alignment horizontal="left" vertical="center"/>
    </xf>
    <xf numFmtId="0" fontId="9" fillId="0" borderId="0" xfId="0" applyFont="1" applyAlignment="1">
      <alignment horizontal="center" vertical="center"/>
    </xf>
    <xf numFmtId="0" fontId="0" fillId="0" borderId="0" xfId="0"/>
    <xf numFmtId="0" fontId="8" fillId="0" borderId="0" xfId="0" applyFont="1" applyAlignment="1">
      <alignment horizontal="center" vertical="center"/>
    </xf>
    <xf numFmtId="0" fontId="10" fillId="0" borderId="0" xfId="0" applyFont="1" applyAlignment="1">
      <alignment horizontal="left" vertical="center"/>
    </xf>
    <xf numFmtId="0" fontId="1" fillId="2" borderId="1" xfId="0" applyFont="1" applyFill="1" applyBorder="1" applyAlignment="1">
      <alignment horizontal="center" vertical="center" wrapText="1"/>
    </xf>
    <xf numFmtId="43" fontId="3" fillId="0" borderId="0" xfId="1" applyFont="1" applyAlignment="1">
      <alignment horizontal="right" vertical="center"/>
    </xf>
    <xf numFmtId="43" fontId="0" fillId="0" borderId="0" xfId="1" applyFont="1"/>
    <xf numFmtId="43" fontId="2" fillId="0" borderId="0" xfId="1" applyFont="1" applyAlignment="1">
      <alignment horizontal="right" vertical="center"/>
    </xf>
    <xf numFmtId="43" fontId="1" fillId="2" borderId="1" xfId="1" applyFont="1" applyFill="1" applyBorder="1" applyAlignment="1">
      <alignment horizontal="center" vertical="center" wrapText="1"/>
    </xf>
    <xf numFmtId="43" fontId="1" fillId="2" borderId="1" xfId="1" applyFont="1" applyFill="1" applyBorder="1" applyAlignment="1">
      <alignment horizontal="center" vertical="center" wrapText="1"/>
    </xf>
  </cellXfs>
  <cellStyles count="2">
    <cellStyle name="Normal" xfId="0" builtinId="0"/>
    <cellStyle name="Vírgula" xfId="1" builtin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2" Type="http://schemas.openxmlformats.org/officeDocument/2006/relationships/worksheet" Target="worksheets/sheet2.xml"/><Relationship Id="rId16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styles" Target="styles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K198"/>
  <sheetViews>
    <sheetView showGridLines="0" tabSelected="1" workbookViewId="0"/>
  </sheetViews>
  <sheetFormatPr defaultRowHeight="15" x14ac:dyDescent="0.25"/>
  <cols>
    <col min="1" max="1" width="3.7109375" bestFit="1" customWidth="1"/>
    <col min="2" max="2" width="66.42578125" bestFit="1" customWidth="1"/>
    <col min="3" max="4" width="20.140625" bestFit="1" customWidth="1"/>
    <col min="5" max="5" width="19" bestFit="1" customWidth="1"/>
    <col min="6" max="7" width="20.140625" bestFit="1" customWidth="1"/>
    <col min="8" max="8" width="19" bestFit="1" customWidth="1"/>
    <col min="9" max="11" width="20.140625" bestFit="1" customWidth="1"/>
  </cols>
  <sheetData>
    <row r="3" spans="1:11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</row>
    <row r="4" spans="1:11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</row>
    <row r="5" spans="1:11" x14ac:dyDescent="0.25">
      <c r="A5" s="8" t="s">
        <v>2</v>
      </c>
      <c r="B5" s="7"/>
      <c r="C5" s="7"/>
      <c r="D5" s="7"/>
      <c r="E5" s="7"/>
      <c r="F5" s="7"/>
      <c r="G5" s="7"/>
      <c r="H5" s="7"/>
      <c r="I5" s="7"/>
      <c r="J5" s="7"/>
      <c r="K5" s="7"/>
    </row>
    <row r="6" spans="1:11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</row>
    <row r="7" spans="1:11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</row>
    <row r="9" spans="1:11" x14ac:dyDescent="0.25">
      <c r="A9" s="9" t="s">
        <v>5</v>
      </c>
      <c r="B9" s="7"/>
      <c r="C9" s="7"/>
      <c r="D9" s="7"/>
      <c r="E9" s="7"/>
      <c r="F9" s="7"/>
      <c r="G9" s="7"/>
      <c r="H9" s="7"/>
      <c r="I9" s="7"/>
      <c r="J9" s="7"/>
      <c r="K9" s="7"/>
    </row>
    <row r="10" spans="1:11" x14ac:dyDescent="0.25">
      <c r="A10" s="10" t="s">
        <v>6</v>
      </c>
      <c r="B10" s="10" t="s">
        <v>8</v>
      </c>
      <c r="C10" s="10" t="s">
        <v>9</v>
      </c>
      <c r="D10" s="10" t="s">
        <v>10</v>
      </c>
      <c r="E10" s="10" t="s">
        <v>11</v>
      </c>
      <c r="F10" s="10" t="s">
        <v>7</v>
      </c>
      <c r="G10" s="10" t="s">
        <v>7</v>
      </c>
      <c r="H10" s="10" t="s">
        <v>7</v>
      </c>
      <c r="I10" s="10" t="s">
        <v>16</v>
      </c>
    </row>
    <row r="11" spans="1:11" ht="21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" t="s">
        <v>12</v>
      </c>
      <c r="F11" s="1" t="s">
        <v>13</v>
      </c>
      <c r="G11" s="1" t="s">
        <v>14</v>
      </c>
      <c r="H11" s="1" t="s">
        <v>15</v>
      </c>
      <c r="I11" s="10" t="s">
        <v>7</v>
      </c>
    </row>
    <row r="12" spans="1:11" x14ac:dyDescent="0.25">
      <c r="A12" s="3" t="s">
        <v>17</v>
      </c>
      <c r="B12" s="5" t="s">
        <v>18</v>
      </c>
      <c r="C12" s="11">
        <v>16535787500</v>
      </c>
      <c r="D12" s="11">
        <v>16868006327</v>
      </c>
      <c r="E12" s="11">
        <v>3606263259.7600002</v>
      </c>
      <c r="F12" s="11">
        <v>21.38</v>
      </c>
      <c r="G12" s="11">
        <v>10004583800.450001</v>
      </c>
      <c r="H12" s="11">
        <v>59.31</v>
      </c>
      <c r="I12" s="11">
        <v>6863422526.5500002</v>
      </c>
      <c r="J12" s="12"/>
      <c r="K12" s="12"/>
    </row>
    <row r="13" spans="1:11" x14ac:dyDescent="0.25">
      <c r="A13" s="3" t="s">
        <v>19</v>
      </c>
      <c r="B13" s="5" t="s">
        <v>20</v>
      </c>
      <c r="C13" s="11">
        <v>16083394700</v>
      </c>
      <c r="D13" s="11">
        <v>16147149205</v>
      </c>
      <c r="E13" s="11">
        <v>3554537222.6599998</v>
      </c>
      <c r="F13" s="11">
        <v>22.01</v>
      </c>
      <c r="G13" s="11">
        <v>9883011969.9899998</v>
      </c>
      <c r="H13" s="11">
        <v>61.21</v>
      </c>
      <c r="I13" s="11">
        <v>6264137235.0100002</v>
      </c>
      <c r="J13" s="12"/>
      <c r="K13" s="12"/>
    </row>
    <row r="14" spans="1:11" x14ac:dyDescent="0.25">
      <c r="A14" s="3" t="s">
        <v>21</v>
      </c>
      <c r="B14" s="5" t="s">
        <v>22</v>
      </c>
      <c r="C14" s="11">
        <v>9285340000</v>
      </c>
      <c r="D14" s="11">
        <v>9285340000</v>
      </c>
      <c r="E14" s="11">
        <v>1779697756.54</v>
      </c>
      <c r="F14" s="11">
        <v>19.170000000000002</v>
      </c>
      <c r="G14" s="11">
        <v>5256779115.3100004</v>
      </c>
      <c r="H14" s="11">
        <v>56.61</v>
      </c>
      <c r="I14" s="11">
        <v>4028560884.6900001</v>
      </c>
      <c r="J14" s="12"/>
      <c r="K14" s="12"/>
    </row>
    <row r="15" spans="1:11" x14ac:dyDescent="0.25">
      <c r="A15" s="2" t="s">
        <v>23</v>
      </c>
      <c r="B15" s="4" t="s">
        <v>24</v>
      </c>
      <c r="C15" s="13">
        <v>8927809600</v>
      </c>
      <c r="D15" s="13">
        <v>8927809600</v>
      </c>
      <c r="E15" s="13">
        <v>1715375978.0799999</v>
      </c>
      <c r="F15" s="13">
        <v>19.21</v>
      </c>
      <c r="G15" s="13">
        <v>5083366262.1000004</v>
      </c>
      <c r="H15" s="13">
        <v>56.94</v>
      </c>
      <c r="I15" s="13">
        <v>3844443337.9000001</v>
      </c>
      <c r="J15" s="12"/>
      <c r="K15" s="12"/>
    </row>
    <row r="16" spans="1:11" x14ac:dyDescent="0.25">
      <c r="A16" s="2" t="s">
        <v>25</v>
      </c>
      <c r="B16" s="4" t="s">
        <v>26</v>
      </c>
      <c r="C16" s="13">
        <v>357530400</v>
      </c>
      <c r="D16" s="13">
        <v>357530400</v>
      </c>
      <c r="E16" s="13">
        <v>64321778.460000001</v>
      </c>
      <c r="F16" s="13">
        <v>17.989999999999998</v>
      </c>
      <c r="G16" s="13">
        <v>173412853.21000001</v>
      </c>
      <c r="H16" s="13">
        <v>48.5</v>
      </c>
      <c r="I16" s="13">
        <v>184117546.78999999</v>
      </c>
      <c r="J16" s="12"/>
      <c r="K16" s="12"/>
    </row>
    <row r="17" spans="1:11" x14ac:dyDescent="0.25">
      <c r="A17" s="2" t="s">
        <v>27</v>
      </c>
      <c r="B17" s="4" t="s">
        <v>28</v>
      </c>
      <c r="C17" s="13">
        <v>0</v>
      </c>
      <c r="D17" s="13">
        <v>0</v>
      </c>
      <c r="E17" s="13">
        <v>0</v>
      </c>
      <c r="F17" s="13">
        <v>0</v>
      </c>
      <c r="G17" s="13">
        <v>0</v>
      </c>
      <c r="H17" s="13">
        <v>0</v>
      </c>
      <c r="I17" s="13">
        <v>0</v>
      </c>
      <c r="J17" s="12"/>
      <c r="K17" s="12"/>
    </row>
    <row r="18" spans="1:11" x14ac:dyDescent="0.25">
      <c r="A18" s="3" t="s">
        <v>29</v>
      </c>
      <c r="B18" s="5" t="s">
        <v>30</v>
      </c>
      <c r="C18" s="11">
        <v>700627100</v>
      </c>
      <c r="D18" s="11">
        <v>712627100</v>
      </c>
      <c r="E18" s="11">
        <v>192566125.49000001</v>
      </c>
      <c r="F18" s="11">
        <v>27.02</v>
      </c>
      <c r="G18" s="11">
        <v>569404465.77999997</v>
      </c>
      <c r="H18" s="11">
        <v>79.900000000000006</v>
      </c>
      <c r="I18" s="11">
        <v>143222634.22</v>
      </c>
      <c r="J18" s="12"/>
      <c r="K18" s="12"/>
    </row>
    <row r="19" spans="1:11" x14ac:dyDescent="0.25">
      <c r="A19" s="2" t="s">
        <v>31</v>
      </c>
      <c r="B19" s="4" t="s">
        <v>32</v>
      </c>
      <c r="C19" s="13">
        <v>700627100</v>
      </c>
      <c r="D19" s="13">
        <v>712627100</v>
      </c>
      <c r="E19" s="13">
        <v>192566125.49000001</v>
      </c>
      <c r="F19" s="13">
        <v>27.02</v>
      </c>
      <c r="G19" s="13">
        <v>569404465.77999997</v>
      </c>
      <c r="H19" s="13">
        <v>79.900000000000006</v>
      </c>
      <c r="I19" s="13">
        <v>143222634.22</v>
      </c>
      <c r="J19" s="12"/>
      <c r="K19" s="12"/>
    </row>
    <row r="20" spans="1:11" x14ac:dyDescent="0.25">
      <c r="A20" s="2" t="s">
        <v>33</v>
      </c>
      <c r="B20" s="4" t="s">
        <v>34</v>
      </c>
      <c r="C20" s="13">
        <v>0</v>
      </c>
      <c r="D20" s="13">
        <v>0</v>
      </c>
      <c r="E20" s="13">
        <v>0</v>
      </c>
      <c r="F20" s="13">
        <v>0</v>
      </c>
      <c r="G20" s="13">
        <v>0</v>
      </c>
      <c r="H20" s="13">
        <v>0</v>
      </c>
      <c r="I20" s="13">
        <v>0</v>
      </c>
      <c r="J20" s="12"/>
      <c r="K20" s="12"/>
    </row>
    <row r="21" spans="1:11" x14ac:dyDescent="0.25">
      <c r="A21" s="2" t="s">
        <v>35</v>
      </c>
      <c r="B21" s="4" t="s">
        <v>36</v>
      </c>
      <c r="C21" s="13">
        <v>0</v>
      </c>
      <c r="D21" s="13">
        <v>0</v>
      </c>
      <c r="E21" s="13">
        <v>0</v>
      </c>
      <c r="F21" s="13">
        <v>0</v>
      </c>
      <c r="G21" s="13">
        <v>0</v>
      </c>
      <c r="H21" s="13">
        <v>0</v>
      </c>
      <c r="I21" s="13">
        <v>0</v>
      </c>
      <c r="J21" s="12"/>
      <c r="K21" s="12"/>
    </row>
    <row r="22" spans="1:11" x14ac:dyDescent="0.25">
      <c r="A22" s="2" t="s">
        <v>37</v>
      </c>
      <c r="B22" s="4" t="s">
        <v>38</v>
      </c>
      <c r="C22" s="13">
        <v>0</v>
      </c>
      <c r="D22" s="13">
        <v>0</v>
      </c>
      <c r="E22" s="13">
        <v>0</v>
      </c>
      <c r="F22" s="13">
        <v>0</v>
      </c>
      <c r="G22" s="13">
        <v>0</v>
      </c>
      <c r="H22" s="13">
        <v>0</v>
      </c>
      <c r="I22" s="13">
        <v>0</v>
      </c>
      <c r="J22" s="12"/>
      <c r="K22" s="12"/>
    </row>
    <row r="23" spans="1:11" x14ac:dyDescent="0.25">
      <c r="A23" s="3" t="s">
        <v>39</v>
      </c>
      <c r="B23" s="5" t="s">
        <v>40</v>
      </c>
      <c r="C23" s="11">
        <v>134883500</v>
      </c>
      <c r="D23" s="11">
        <v>151263100</v>
      </c>
      <c r="E23" s="11">
        <v>148521756.41999999</v>
      </c>
      <c r="F23" s="11">
        <v>98.19</v>
      </c>
      <c r="G23" s="11">
        <v>362407258.52999997</v>
      </c>
      <c r="H23" s="11">
        <v>239.59</v>
      </c>
      <c r="I23" s="11">
        <v>-211144158.53</v>
      </c>
      <c r="J23" s="12"/>
      <c r="K23" s="12"/>
    </row>
    <row r="24" spans="1:11" x14ac:dyDescent="0.25">
      <c r="A24" s="2" t="s">
        <v>41</v>
      </c>
      <c r="B24" s="4" t="s">
        <v>42</v>
      </c>
      <c r="C24" s="13">
        <v>2331100</v>
      </c>
      <c r="D24" s="13">
        <v>2331100</v>
      </c>
      <c r="E24" s="13">
        <v>632052.56999999995</v>
      </c>
      <c r="F24" s="13">
        <v>27.11</v>
      </c>
      <c r="G24" s="13">
        <v>1734490.58</v>
      </c>
      <c r="H24" s="13">
        <v>74.41</v>
      </c>
      <c r="I24" s="13">
        <v>596609.42000000004</v>
      </c>
      <c r="J24" s="12"/>
      <c r="K24" s="12"/>
    </row>
    <row r="25" spans="1:11" x14ac:dyDescent="0.25">
      <c r="A25" s="2" t="s">
        <v>43</v>
      </c>
      <c r="B25" s="4" t="s">
        <v>44</v>
      </c>
      <c r="C25" s="13">
        <v>66710900</v>
      </c>
      <c r="D25" s="13">
        <v>83090500</v>
      </c>
      <c r="E25" s="13">
        <v>124836316.08</v>
      </c>
      <c r="F25" s="13">
        <v>150.24</v>
      </c>
      <c r="G25" s="13">
        <v>303351743.88999999</v>
      </c>
      <c r="H25" s="13">
        <v>365.09</v>
      </c>
      <c r="I25" s="13">
        <v>-220261243.88999999</v>
      </c>
      <c r="J25" s="12"/>
      <c r="K25" s="12"/>
    </row>
    <row r="26" spans="1:11" x14ac:dyDescent="0.25">
      <c r="A26" s="2" t="s">
        <v>45</v>
      </c>
      <c r="B26" s="4" t="s">
        <v>46</v>
      </c>
      <c r="C26" s="13">
        <v>4375600</v>
      </c>
      <c r="D26" s="13">
        <v>4375600</v>
      </c>
      <c r="E26" s="13">
        <v>781447.75</v>
      </c>
      <c r="F26" s="13">
        <v>17.86</v>
      </c>
      <c r="G26" s="13">
        <v>12962176.689999999</v>
      </c>
      <c r="H26" s="13">
        <v>296.24</v>
      </c>
      <c r="I26" s="13">
        <v>-8586576.6899999995</v>
      </c>
      <c r="J26" s="12"/>
      <c r="K26" s="12"/>
    </row>
    <row r="27" spans="1:11" x14ac:dyDescent="0.25">
      <c r="A27" s="2" t="s">
        <v>47</v>
      </c>
      <c r="B27" s="4" t="s">
        <v>48</v>
      </c>
      <c r="C27" s="13">
        <v>53038400</v>
      </c>
      <c r="D27" s="13">
        <v>53038400</v>
      </c>
      <c r="E27" s="13">
        <v>11740124</v>
      </c>
      <c r="F27" s="13">
        <v>22.14</v>
      </c>
      <c r="G27" s="13">
        <v>24105732.34</v>
      </c>
      <c r="H27" s="13">
        <v>45.45</v>
      </c>
      <c r="I27" s="13">
        <v>28932667.66</v>
      </c>
      <c r="J27" s="12"/>
      <c r="K27" s="12"/>
    </row>
    <row r="28" spans="1:11" x14ac:dyDescent="0.25">
      <c r="A28" s="2" t="s">
        <v>49</v>
      </c>
      <c r="B28" s="4" t="s">
        <v>50</v>
      </c>
      <c r="C28" s="13">
        <v>0</v>
      </c>
      <c r="D28" s="13">
        <v>0</v>
      </c>
      <c r="E28" s="13">
        <v>0</v>
      </c>
      <c r="F28" s="13">
        <v>0</v>
      </c>
      <c r="G28" s="13">
        <v>0</v>
      </c>
      <c r="H28" s="13">
        <v>0</v>
      </c>
      <c r="I28" s="13">
        <v>0</v>
      </c>
      <c r="J28" s="12"/>
      <c r="K28" s="12"/>
    </row>
    <row r="29" spans="1:11" x14ac:dyDescent="0.25">
      <c r="A29" s="2" t="s">
        <v>51</v>
      </c>
      <c r="B29" s="4" t="s">
        <v>52</v>
      </c>
      <c r="C29" s="13">
        <v>8427500</v>
      </c>
      <c r="D29" s="13">
        <v>8427500</v>
      </c>
      <c r="E29" s="13">
        <v>10531816.02</v>
      </c>
      <c r="F29" s="13">
        <v>124.97</v>
      </c>
      <c r="G29" s="13">
        <v>20253115.030000001</v>
      </c>
      <c r="H29" s="13">
        <v>240.32</v>
      </c>
      <c r="I29" s="13">
        <v>-11825615.029999999</v>
      </c>
      <c r="J29" s="12"/>
      <c r="K29" s="12"/>
    </row>
    <row r="30" spans="1:11" x14ac:dyDescent="0.25">
      <c r="A30" s="2" t="s">
        <v>53</v>
      </c>
      <c r="B30" s="4" t="s">
        <v>54</v>
      </c>
      <c r="C30" s="13">
        <v>0</v>
      </c>
      <c r="D30" s="13">
        <v>0</v>
      </c>
      <c r="E30" s="13">
        <v>0</v>
      </c>
      <c r="F30" s="13">
        <v>0</v>
      </c>
      <c r="G30" s="13">
        <v>0</v>
      </c>
      <c r="H30" s="13">
        <v>0</v>
      </c>
      <c r="I30" s="13">
        <v>0</v>
      </c>
      <c r="J30" s="12"/>
      <c r="K30" s="12"/>
    </row>
    <row r="31" spans="1:11" x14ac:dyDescent="0.25">
      <c r="A31" s="2" t="s">
        <v>55</v>
      </c>
      <c r="B31" s="4" t="s">
        <v>56</v>
      </c>
      <c r="C31" s="13">
        <v>0</v>
      </c>
      <c r="D31" s="13">
        <v>0</v>
      </c>
      <c r="E31" s="13">
        <v>0</v>
      </c>
      <c r="F31" s="13">
        <v>0</v>
      </c>
      <c r="G31" s="13">
        <v>0</v>
      </c>
      <c r="H31" s="13">
        <v>0</v>
      </c>
      <c r="I31" s="13">
        <v>0</v>
      </c>
      <c r="J31" s="12"/>
      <c r="K31" s="12"/>
    </row>
    <row r="32" spans="1:11" x14ac:dyDescent="0.25">
      <c r="A32" s="2" t="s">
        <v>57</v>
      </c>
      <c r="B32" s="4" t="s">
        <v>58</v>
      </c>
      <c r="C32" s="13">
        <v>0</v>
      </c>
      <c r="D32" s="13">
        <v>0</v>
      </c>
      <c r="E32" s="13">
        <v>0</v>
      </c>
      <c r="F32" s="13">
        <v>0</v>
      </c>
      <c r="G32" s="13">
        <v>0</v>
      </c>
      <c r="H32" s="13">
        <v>0</v>
      </c>
      <c r="I32" s="13">
        <v>0</v>
      </c>
      <c r="J32" s="12"/>
      <c r="K32" s="12"/>
    </row>
    <row r="33" spans="1:11" x14ac:dyDescent="0.25">
      <c r="A33" s="3" t="s">
        <v>59</v>
      </c>
      <c r="B33" s="5" t="s">
        <v>60</v>
      </c>
      <c r="C33" s="11">
        <v>674106600</v>
      </c>
      <c r="D33" s="11">
        <v>703555505</v>
      </c>
      <c r="E33" s="11">
        <v>227202738.66</v>
      </c>
      <c r="F33" s="11">
        <v>32.29</v>
      </c>
      <c r="G33" s="11">
        <v>438174019.51999998</v>
      </c>
      <c r="H33" s="11">
        <v>62.28</v>
      </c>
      <c r="I33" s="11">
        <v>265381485.47999999</v>
      </c>
      <c r="J33" s="12"/>
      <c r="K33" s="12"/>
    </row>
    <row r="34" spans="1:11" x14ac:dyDescent="0.25">
      <c r="A34" s="2" t="s">
        <v>61</v>
      </c>
      <c r="B34" s="4" t="s">
        <v>62</v>
      </c>
      <c r="C34" s="13">
        <v>593658800</v>
      </c>
      <c r="D34" s="13">
        <v>623107705</v>
      </c>
      <c r="E34" s="13">
        <v>214407257.69</v>
      </c>
      <c r="F34" s="13">
        <v>34.409999999999997</v>
      </c>
      <c r="G34" s="13">
        <v>399981256.69999999</v>
      </c>
      <c r="H34" s="13">
        <v>64.19</v>
      </c>
      <c r="I34" s="13">
        <v>223126448.30000001</v>
      </c>
      <c r="J34" s="12"/>
      <c r="K34" s="12"/>
    </row>
    <row r="35" spans="1:11" x14ac:dyDescent="0.25">
      <c r="A35" s="2" t="s">
        <v>63</v>
      </c>
      <c r="B35" s="4" t="s">
        <v>64</v>
      </c>
      <c r="C35" s="13">
        <v>0</v>
      </c>
      <c r="D35" s="13">
        <v>0</v>
      </c>
      <c r="E35" s="13">
        <v>0</v>
      </c>
      <c r="F35" s="13">
        <v>0</v>
      </c>
      <c r="G35" s="13">
        <v>0</v>
      </c>
      <c r="H35" s="13">
        <v>0</v>
      </c>
      <c r="I35" s="13">
        <v>0</v>
      </c>
      <c r="J35" s="12"/>
      <c r="K35" s="12"/>
    </row>
    <row r="36" spans="1:11" x14ac:dyDescent="0.25">
      <c r="A36" s="2" t="s">
        <v>65</v>
      </c>
      <c r="B36" s="4" t="s">
        <v>66</v>
      </c>
      <c r="C36" s="13">
        <v>71437200</v>
      </c>
      <c r="D36" s="13">
        <v>71437200</v>
      </c>
      <c r="E36" s="13">
        <v>9150444.0099999998</v>
      </c>
      <c r="F36" s="13">
        <v>12.81</v>
      </c>
      <c r="G36" s="13">
        <v>28264296.199999999</v>
      </c>
      <c r="H36" s="13">
        <v>39.57</v>
      </c>
      <c r="I36" s="13">
        <v>43172903.799999997</v>
      </c>
      <c r="J36" s="12"/>
      <c r="K36" s="12"/>
    </row>
    <row r="37" spans="1:11" x14ac:dyDescent="0.25">
      <c r="A37" s="2" t="s">
        <v>67</v>
      </c>
      <c r="B37" s="4" t="s">
        <v>68</v>
      </c>
      <c r="C37" s="13">
        <v>0</v>
      </c>
      <c r="D37" s="13">
        <v>0</v>
      </c>
      <c r="E37" s="13">
        <v>0</v>
      </c>
      <c r="F37" s="13">
        <v>0</v>
      </c>
      <c r="G37" s="13">
        <v>0</v>
      </c>
      <c r="H37" s="13">
        <v>0</v>
      </c>
      <c r="I37" s="13">
        <v>0</v>
      </c>
      <c r="J37" s="12"/>
      <c r="K37" s="12"/>
    </row>
    <row r="38" spans="1:11" x14ac:dyDescent="0.25">
      <c r="A38" s="2" t="s">
        <v>69</v>
      </c>
      <c r="B38" s="4" t="s">
        <v>70</v>
      </c>
      <c r="C38" s="13">
        <v>9010600</v>
      </c>
      <c r="D38" s="13">
        <v>9010600</v>
      </c>
      <c r="E38" s="13">
        <v>3645036.96</v>
      </c>
      <c r="F38" s="13">
        <v>40.450000000000003</v>
      </c>
      <c r="G38" s="13">
        <v>9928466.6199999992</v>
      </c>
      <c r="H38" s="13">
        <v>110.19</v>
      </c>
      <c r="I38" s="13">
        <v>-917866.62</v>
      </c>
      <c r="J38" s="12"/>
      <c r="K38" s="12"/>
    </row>
    <row r="39" spans="1:11" x14ac:dyDescent="0.25">
      <c r="A39" s="3" t="s">
        <v>71</v>
      </c>
      <c r="B39" s="5" t="s">
        <v>72</v>
      </c>
      <c r="C39" s="11">
        <v>5184160300</v>
      </c>
      <c r="D39" s="11">
        <v>5190061300</v>
      </c>
      <c r="E39" s="11">
        <v>1171923961.1099999</v>
      </c>
      <c r="F39" s="11">
        <v>22.58</v>
      </c>
      <c r="G39" s="11">
        <v>3159937161.5100002</v>
      </c>
      <c r="H39" s="11">
        <v>60.88</v>
      </c>
      <c r="I39" s="11">
        <v>2030124138.49</v>
      </c>
      <c r="J39" s="12"/>
      <c r="K39" s="12"/>
    </row>
    <row r="40" spans="1:11" x14ac:dyDescent="0.25">
      <c r="A40" s="2" t="s">
        <v>73</v>
      </c>
      <c r="B40" s="4" t="s">
        <v>74</v>
      </c>
      <c r="C40" s="13">
        <v>1787611600</v>
      </c>
      <c r="D40" s="13">
        <v>1791412600</v>
      </c>
      <c r="E40" s="13">
        <v>515779526.69999999</v>
      </c>
      <c r="F40" s="13">
        <v>28.79</v>
      </c>
      <c r="G40" s="13">
        <v>1282733730.6600001</v>
      </c>
      <c r="H40" s="13">
        <v>71.599999999999994</v>
      </c>
      <c r="I40" s="13">
        <v>508678869.33999997</v>
      </c>
      <c r="J40" s="12"/>
      <c r="K40" s="12"/>
    </row>
    <row r="41" spans="1:11" x14ac:dyDescent="0.25">
      <c r="A41" s="2" t="s">
        <v>75</v>
      </c>
      <c r="B41" s="4" t="s">
        <v>76</v>
      </c>
      <c r="C41" s="13">
        <v>1017600</v>
      </c>
      <c r="D41" s="13">
        <v>1017600</v>
      </c>
      <c r="E41" s="13">
        <v>2378199.56</v>
      </c>
      <c r="F41" s="13">
        <v>233.71</v>
      </c>
      <c r="G41" s="13">
        <v>6247882.0700000003</v>
      </c>
      <c r="H41" s="13">
        <v>613.98</v>
      </c>
      <c r="I41" s="13">
        <v>-5230282.07</v>
      </c>
      <c r="J41" s="12"/>
      <c r="K41" s="12"/>
    </row>
    <row r="42" spans="1:11" x14ac:dyDescent="0.25">
      <c r="A42" s="2" t="s">
        <v>77</v>
      </c>
      <c r="B42" s="4" t="s">
        <v>78</v>
      </c>
      <c r="C42" s="13">
        <v>230000</v>
      </c>
      <c r="D42" s="13">
        <v>530000</v>
      </c>
      <c r="E42" s="13">
        <v>662175.15</v>
      </c>
      <c r="F42" s="13">
        <v>124.94</v>
      </c>
      <c r="G42" s="13">
        <v>1383019.9</v>
      </c>
      <c r="H42" s="13">
        <v>260.95</v>
      </c>
      <c r="I42" s="13">
        <v>-853019.9</v>
      </c>
      <c r="J42" s="12"/>
      <c r="K42" s="12"/>
    </row>
    <row r="43" spans="1:11" x14ac:dyDescent="0.25">
      <c r="A43" s="2" t="s">
        <v>79</v>
      </c>
      <c r="B43" s="4" t="s">
        <v>80</v>
      </c>
      <c r="C43" s="13">
        <v>2137907500</v>
      </c>
      <c r="D43" s="13">
        <v>2139707500</v>
      </c>
      <c r="E43" s="13">
        <v>395310998.98000002</v>
      </c>
      <c r="F43" s="13">
        <v>18.48</v>
      </c>
      <c r="G43" s="13">
        <v>1084480929.71</v>
      </c>
      <c r="H43" s="13">
        <v>50.68</v>
      </c>
      <c r="I43" s="13">
        <v>1055226570.29</v>
      </c>
      <c r="J43" s="12"/>
      <c r="K43" s="12"/>
    </row>
    <row r="44" spans="1:11" x14ac:dyDescent="0.25">
      <c r="A44" s="2" t="s">
        <v>81</v>
      </c>
      <c r="B44" s="4" t="s">
        <v>82</v>
      </c>
      <c r="C44" s="13">
        <v>1252844900</v>
      </c>
      <c r="D44" s="13">
        <v>1252844900</v>
      </c>
      <c r="E44" s="13">
        <v>257791242.72</v>
      </c>
      <c r="F44" s="13">
        <v>20.58</v>
      </c>
      <c r="G44" s="13">
        <v>785087179.84000003</v>
      </c>
      <c r="H44" s="13">
        <v>62.66</v>
      </c>
      <c r="I44" s="13">
        <v>467757720.16000003</v>
      </c>
      <c r="J44" s="12"/>
      <c r="K44" s="12"/>
    </row>
    <row r="45" spans="1:11" x14ac:dyDescent="0.25">
      <c r="A45" s="2" t="s">
        <v>83</v>
      </c>
      <c r="B45" s="4" t="s">
        <v>84</v>
      </c>
      <c r="C45" s="13">
        <v>700000</v>
      </c>
      <c r="D45" s="13">
        <v>700000</v>
      </c>
      <c r="E45" s="13">
        <v>0</v>
      </c>
      <c r="F45" s="13">
        <v>0</v>
      </c>
      <c r="G45" s="13">
        <v>0</v>
      </c>
      <c r="H45" s="13">
        <v>0</v>
      </c>
      <c r="I45" s="13">
        <v>700000</v>
      </c>
      <c r="J45" s="12"/>
      <c r="K45" s="12"/>
    </row>
    <row r="46" spans="1:11" x14ac:dyDescent="0.25">
      <c r="A46" s="2" t="s">
        <v>85</v>
      </c>
      <c r="B46" s="4" t="s">
        <v>86</v>
      </c>
      <c r="C46" s="13">
        <v>3848700</v>
      </c>
      <c r="D46" s="13">
        <v>3848700</v>
      </c>
      <c r="E46" s="13">
        <v>1818</v>
      </c>
      <c r="F46" s="13">
        <v>0.05</v>
      </c>
      <c r="G46" s="13">
        <v>4419.33</v>
      </c>
      <c r="H46" s="13">
        <v>0.11</v>
      </c>
      <c r="I46" s="13">
        <v>3844280.67</v>
      </c>
      <c r="J46" s="12"/>
      <c r="K46" s="12"/>
    </row>
    <row r="47" spans="1:11" x14ac:dyDescent="0.25">
      <c r="A47" s="3" t="s">
        <v>87</v>
      </c>
      <c r="B47" s="5" t="s">
        <v>88</v>
      </c>
      <c r="C47" s="11">
        <v>104277200</v>
      </c>
      <c r="D47" s="11">
        <v>104302200</v>
      </c>
      <c r="E47" s="11">
        <v>34624884.439999998</v>
      </c>
      <c r="F47" s="11">
        <v>33.200000000000003</v>
      </c>
      <c r="G47" s="11">
        <v>96309949.340000004</v>
      </c>
      <c r="H47" s="11">
        <v>92.34</v>
      </c>
      <c r="I47" s="11">
        <v>7992250.6600000001</v>
      </c>
      <c r="J47" s="12"/>
      <c r="K47" s="12"/>
    </row>
    <row r="48" spans="1:11" x14ac:dyDescent="0.25">
      <c r="A48" s="2" t="s">
        <v>89</v>
      </c>
      <c r="B48" s="4" t="s">
        <v>90</v>
      </c>
      <c r="C48" s="13">
        <v>36569700</v>
      </c>
      <c r="D48" s="13">
        <v>36569700</v>
      </c>
      <c r="E48" s="13">
        <v>10111169.01</v>
      </c>
      <c r="F48" s="13">
        <v>27.65</v>
      </c>
      <c r="G48" s="13">
        <v>24864652.539999999</v>
      </c>
      <c r="H48" s="13">
        <v>67.989999999999995</v>
      </c>
      <c r="I48" s="13">
        <v>11705047.460000001</v>
      </c>
      <c r="J48" s="12"/>
      <c r="K48" s="12"/>
    </row>
    <row r="49" spans="1:11" x14ac:dyDescent="0.25">
      <c r="A49" s="2" t="s">
        <v>91</v>
      </c>
      <c r="B49" s="4" t="s">
        <v>92</v>
      </c>
      <c r="C49" s="13">
        <v>57864100</v>
      </c>
      <c r="D49" s="13">
        <v>57889100</v>
      </c>
      <c r="E49" s="13">
        <v>22502843.440000001</v>
      </c>
      <c r="F49" s="13">
        <v>38.869999999999997</v>
      </c>
      <c r="G49" s="13">
        <v>65995209.200000003</v>
      </c>
      <c r="H49" s="13">
        <v>114</v>
      </c>
      <c r="I49" s="13">
        <v>-8106109.2000000002</v>
      </c>
      <c r="J49" s="12"/>
      <c r="K49" s="12"/>
    </row>
    <row r="50" spans="1:11" x14ac:dyDescent="0.25">
      <c r="A50" s="2" t="s">
        <v>93</v>
      </c>
      <c r="B50" s="4" t="s">
        <v>94</v>
      </c>
      <c r="C50" s="13">
        <v>0</v>
      </c>
      <c r="D50" s="13">
        <v>0</v>
      </c>
      <c r="E50" s="13">
        <v>0</v>
      </c>
      <c r="F50" s="13">
        <v>0</v>
      </c>
      <c r="G50" s="13">
        <v>0</v>
      </c>
      <c r="H50" s="13">
        <v>0</v>
      </c>
      <c r="I50" s="13">
        <v>0</v>
      </c>
      <c r="J50" s="12"/>
      <c r="K50" s="12"/>
    </row>
    <row r="51" spans="1:11" x14ac:dyDescent="0.25">
      <c r="A51" s="2" t="s">
        <v>95</v>
      </c>
      <c r="B51" s="4" t="s">
        <v>96</v>
      </c>
      <c r="C51" s="13">
        <v>0</v>
      </c>
      <c r="D51" s="13">
        <v>0</v>
      </c>
      <c r="E51" s="13">
        <v>0</v>
      </c>
      <c r="F51" s="13">
        <v>0</v>
      </c>
      <c r="G51" s="13">
        <v>2970.6</v>
      </c>
      <c r="H51" s="13">
        <v>0</v>
      </c>
      <c r="I51" s="13">
        <v>-2970.6</v>
      </c>
      <c r="J51" s="12"/>
      <c r="K51" s="12"/>
    </row>
    <row r="52" spans="1:11" x14ac:dyDescent="0.25">
      <c r="A52" s="2" t="s">
        <v>97</v>
      </c>
      <c r="B52" s="4" t="s">
        <v>98</v>
      </c>
      <c r="C52" s="13">
        <v>9843400</v>
      </c>
      <c r="D52" s="13">
        <v>9843400</v>
      </c>
      <c r="E52" s="13">
        <v>2010871.99</v>
      </c>
      <c r="F52" s="13">
        <v>20.43</v>
      </c>
      <c r="G52" s="13">
        <v>5447117</v>
      </c>
      <c r="H52" s="13">
        <v>55.34</v>
      </c>
      <c r="I52" s="13">
        <v>4396283</v>
      </c>
      <c r="J52" s="12"/>
      <c r="K52" s="12"/>
    </row>
    <row r="53" spans="1:11" x14ac:dyDescent="0.25">
      <c r="A53" s="3" t="s">
        <v>99</v>
      </c>
      <c r="B53" s="5" t="s">
        <v>100</v>
      </c>
      <c r="C53" s="11">
        <v>452392800</v>
      </c>
      <c r="D53" s="11">
        <v>720857122</v>
      </c>
      <c r="E53" s="11">
        <v>51726037.100000001</v>
      </c>
      <c r="F53" s="11">
        <v>7.18</v>
      </c>
      <c r="G53" s="11">
        <v>121571830.45999999</v>
      </c>
      <c r="H53" s="11">
        <v>16.86</v>
      </c>
      <c r="I53" s="11">
        <v>599285291.53999996</v>
      </c>
      <c r="J53" s="12"/>
      <c r="K53" s="12"/>
    </row>
    <row r="54" spans="1:11" x14ac:dyDescent="0.25">
      <c r="A54" s="3" t="s">
        <v>101</v>
      </c>
      <c r="B54" s="5" t="s">
        <v>102</v>
      </c>
      <c r="C54" s="11">
        <v>25466900</v>
      </c>
      <c r="D54" s="11">
        <v>279113816</v>
      </c>
      <c r="E54" s="11">
        <v>0</v>
      </c>
      <c r="F54" s="11">
        <v>0</v>
      </c>
      <c r="G54" s="11">
        <v>11638309.4</v>
      </c>
      <c r="H54" s="11">
        <v>4.17</v>
      </c>
      <c r="I54" s="11">
        <v>267475506.59999999</v>
      </c>
      <c r="J54" s="12"/>
      <c r="K54" s="12"/>
    </row>
    <row r="55" spans="1:11" x14ac:dyDescent="0.25">
      <c r="A55" s="2" t="s">
        <v>103</v>
      </c>
      <c r="B55" s="4" t="s">
        <v>104</v>
      </c>
      <c r="C55" s="13">
        <v>0</v>
      </c>
      <c r="D55" s="13">
        <v>100000000</v>
      </c>
      <c r="E55" s="13">
        <v>0</v>
      </c>
      <c r="F55" s="13">
        <v>0</v>
      </c>
      <c r="G55" s="13">
        <v>11638309.4</v>
      </c>
      <c r="H55" s="13">
        <v>11.64</v>
      </c>
      <c r="I55" s="13">
        <v>88361690.599999994</v>
      </c>
      <c r="J55" s="12"/>
      <c r="K55" s="12"/>
    </row>
    <row r="56" spans="1:11" x14ac:dyDescent="0.25">
      <c r="A56" s="2" t="s">
        <v>105</v>
      </c>
      <c r="B56" s="4" t="s">
        <v>106</v>
      </c>
      <c r="C56" s="13">
        <v>25466900</v>
      </c>
      <c r="D56" s="13">
        <v>179113816</v>
      </c>
      <c r="E56" s="13">
        <v>0</v>
      </c>
      <c r="F56" s="13">
        <v>0</v>
      </c>
      <c r="G56" s="13">
        <v>0</v>
      </c>
      <c r="H56" s="13">
        <v>0</v>
      </c>
      <c r="I56" s="13">
        <v>179113816</v>
      </c>
      <c r="J56" s="12"/>
      <c r="K56" s="12"/>
    </row>
    <row r="57" spans="1:11" x14ac:dyDescent="0.25">
      <c r="A57" s="3" t="s">
        <v>107</v>
      </c>
      <c r="B57" s="5" t="s">
        <v>108</v>
      </c>
      <c r="C57" s="11">
        <v>5718800</v>
      </c>
      <c r="D57" s="11">
        <v>5718800</v>
      </c>
      <c r="E57" s="11">
        <v>4003.83</v>
      </c>
      <c r="F57" s="11">
        <v>7.0000000000000007E-2</v>
      </c>
      <c r="G57" s="11">
        <v>326251.94</v>
      </c>
      <c r="H57" s="11">
        <v>5.7</v>
      </c>
      <c r="I57" s="11">
        <v>5392548.0599999996</v>
      </c>
      <c r="J57" s="12"/>
      <c r="K57" s="12"/>
    </row>
    <row r="58" spans="1:11" x14ac:dyDescent="0.25">
      <c r="A58" s="2" t="s">
        <v>109</v>
      </c>
      <c r="B58" s="4" t="s">
        <v>110</v>
      </c>
      <c r="C58" s="13">
        <v>1434600</v>
      </c>
      <c r="D58" s="13">
        <v>1434600</v>
      </c>
      <c r="E58" s="13">
        <v>4003.83</v>
      </c>
      <c r="F58" s="13">
        <v>0.28000000000000003</v>
      </c>
      <c r="G58" s="13">
        <v>110103.83</v>
      </c>
      <c r="H58" s="13">
        <v>7.67</v>
      </c>
      <c r="I58" s="13">
        <v>1324496.17</v>
      </c>
      <c r="J58" s="12"/>
      <c r="K58" s="12"/>
    </row>
    <row r="59" spans="1:11" x14ac:dyDescent="0.25">
      <c r="A59" s="2" t="s">
        <v>111</v>
      </c>
      <c r="B59" s="4" t="s">
        <v>112</v>
      </c>
      <c r="C59" s="13">
        <v>4284200</v>
      </c>
      <c r="D59" s="13">
        <v>4284200</v>
      </c>
      <c r="E59" s="13">
        <v>0</v>
      </c>
      <c r="F59" s="13">
        <v>0</v>
      </c>
      <c r="G59" s="13">
        <v>216148.11</v>
      </c>
      <c r="H59" s="13">
        <v>5.05</v>
      </c>
      <c r="I59" s="13">
        <v>4068051.89</v>
      </c>
      <c r="J59" s="12"/>
      <c r="K59" s="12"/>
    </row>
    <row r="60" spans="1:11" x14ac:dyDescent="0.25">
      <c r="A60" s="2" t="s">
        <v>113</v>
      </c>
      <c r="B60" s="4" t="s">
        <v>114</v>
      </c>
      <c r="C60" s="13">
        <v>0</v>
      </c>
      <c r="D60" s="13">
        <v>0</v>
      </c>
      <c r="E60" s="13">
        <v>0</v>
      </c>
      <c r="F60" s="13">
        <v>0</v>
      </c>
      <c r="G60" s="13">
        <v>0</v>
      </c>
      <c r="H60" s="13">
        <v>0</v>
      </c>
      <c r="I60" s="13">
        <v>0</v>
      </c>
      <c r="J60" s="12"/>
      <c r="K60" s="12"/>
    </row>
    <row r="61" spans="1:11" x14ac:dyDescent="0.25">
      <c r="A61" s="2" t="s">
        <v>115</v>
      </c>
      <c r="B61" s="4" t="s">
        <v>116</v>
      </c>
      <c r="C61" s="13">
        <v>9574200</v>
      </c>
      <c r="D61" s="13">
        <v>9574200</v>
      </c>
      <c r="E61" s="13">
        <v>2360638.29</v>
      </c>
      <c r="F61" s="13">
        <v>24.66</v>
      </c>
      <c r="G61" s="13">
        <v>6620022.75</v>
      </c>
      <c r="H61" s="13">
        <v>69.14</v>
      </c>
      <c r="I61" s="13">
        <v>2954177.25</v>
      </c>
      <c r="J61" s="12"/>
      <c r="K61" s="12"/>
    </row>
    <row r="62" spans="1:11" x14ac:dyDescent="0.25">
      <c r="A62" s="3" t="s">
        <v>117</v>
      </c>
      <c r="B62" s="5" t="s">
        <v>118</v>
      </c>
      <c r="C62" s="11">
        <v>411632900</v>
      </c>
      <c r="D62" s="11">
        <v>426450306</v>
      </c>
      <c r="E62" s="11">
        <v>49361394.979999997</v>
      </c>
      <c r="F62" s="11">
        <v>11.57</v>
      </c>
      <c r="G62" s="11">
        <v>102987246.37</v>
      </c>
      <c r="H62" s="11">
        <v>24.15</v>
      </c>
      <c r="I62" s="11">
        <v>323463059.63</v>
      </c>
      <c r="J62" s="12"/>
      <c r="K62" s="12"/>
    </row>
    <row r="63" spans="1:11" x14ac:dyDescent="0.25">
      <c r="A63" s="2" t="s">
        <v>119</v>
      </c>
      <c r="B63" s="4" t="s">
        <v>74</v>
      </c>
      <c r="C63" s="13">
        <v>411168100</v>
      </c>
      <c r="D63" s="13">
        <v>425985506</v>
      </c>
      <c r="E63" s="13">
        <v>49044787.140000001</v>
      </c>
      <c r="F63" s="13">
        <v>11.51</v>
      </c>
      <c r="G63" s="13">
        <v>102415236.33</v>
      </c>
      <c r="H63" s="13">
        <v>24.04</v>
      </c>
      <c r="I63" s="13">
        <v>323570269.67000002</v>
      </c>
      <c r="J63" s="12"/>
      <c r="K63" s="12"/>
    </row>
    <row r="64" spans="1:11" x14ac:dyDescent="0.25">
      <c r="A64" s="2" t="s">
        <v>120</v>
      </c>
      <c r="B64" s="4" t="s">
        <v>76</v>
      </c>
      <c r="C64" s="13">
        <v>464800</v>
      </c>
      <c r="D64" s="13">
        <v>464800</v>
      </c>
      <c r="E64" s="13">
        <v>316607.84000000003</v>
      </c>
      <c r="F64" s="13">
        <v>68.12</v>
      </c>
      <c r="G64" s="13">
        <v>572010.04</v>
      </c>
      <c r="H64" s="13">
        <v>123.07</v>
      </c>
      <c r="I64" s="13">
        <v>-107210.04</v>
      </c>
      <c r="J64" s="12"/>
      <c r="K64" s="12"/>
    </row>
    <row r="65" spans="1:11" x14ac:dyDescent="0.25">
      <c r="A65" s="2" t="s">
        <v>121</v>
      </c>
      <c r="B65" s="4" t="s">
        <v>78</v>
      </c>
      <c r="C65" s="13">
        <v>0</v>
      </c>
      <c r="D65" s="13">
        <v>0</v>
      </c>
      <c r="E65" s="13">
        <v>0</v>
      </c>
      <c r="F65" s="13">
        <v>0</v>
      </c>
      <c r="G65" s="13">
        <v>0</v>
      </c>
      <c r="H65" s="13">
        <v>0</v>
      </c>
      <c r="I65" s="13">
        <v>0</v>
      </c>
      <c r="J65" s="12"/>
      <c r="K65" s="12"/>
    </row>
    <row r="66" spans="1:11" x14ac:dyDescent="0.25">
      <c r="A66" s="2" t="s">
        <v>122</v>
      </c>
      <c r="B66" s="4" t="s">
        <v>80</v>
      </c>
      <c r="C66" s="13">
        <v>0</v>
      </c>
      <c r="D66" s="13">
        <v>0</v>
      </c>
      <c r="E66" s="13">
        <v>0</v>
      </c>
      <c r="F66" s="13">
        <v>0</v>
      </c>
      <c r="G66" s="13">
        <v>0</v>
      </c>
      <c r="H66" s="13">
        <v>0</v>
      </c>
      <c r="I66" s="13">
        <v>0</v>
      </c>
      <c r="J66" s="12"/>
      <c r="K66" s="12"/>
    </row>
    <row r="67" spans="1:11" x14ac:dyDescent="0.25">
      <c r="A67" s="2" t="s">
        <v>123</v>
      </c>
      <c r="B67" s="4" t="s">
        <v>82</v>
      </c>
      <c r="C67" s="13">
        <v>0</v>
      </c>
      <c r="D67" s="13">
        <v>0</v>
      </c>
      <c r="E67" s="13">
        <v>0</v>
      </c>
      <c r="F67" s="13">
        <v>0</v>
      </c>
      <c r="G67" s="13">
        <v>0</v>
      </c>
      <c r="H67" s="13">
        <v>0</v>
      </c>
      <c r="I67" s="13">
        <v>0</v>
      </c>
      <c r="J67" s="12"/>
      <c r="K67" s="12"/>
    </row>
    <row r="68" spans="1:11" x14ac:dyDescent="0.25">
      <c r="A68" s="2" t="s">
        <v>124</v>
      </c>
      <c r="B68" s="4" t="s">
        <v>84</v>
      </c>
      <c r="C68" s="13">
        <v>0</v>
      </c>
      <c r="D68" s="13">
        <v>0</v>
      </c>
      <c r="E68" s="13">
        <v>0</v>
      </c>
      <c r="F68" s="13">
        <v>0</v>
      </c>
      <c r="G68" s="13">
        <v>0</v>
      </c>
      <c r="H68" s="13">
        <v>0</v>
      </c>
      <c r="I68" s="13">
        <v>0</v>
      </c>
      <c r="J68" s="12"/>
      <c r="K68" s="12"/>
    </row>
    <row r="69" spans="1:11" x14ac:dyDescent="0.25">
      <c r="A69" s="2" t="s">
        <v>125</v>
      </c>
      <c r="B69" s="4" t="s">
        <v>126</v>
      </c>
      <c r="C69" s="13">
        <v>0</v>
      </c>
      <c r="D69" s="13">
        <v>0</v>
      </c>
      <c r="E69" s="13">
        <v>0</v>
      </c>
      <c r="F69" s="13">
        <v>0</v>
      </c>
      <c r="G69" s="13">
        <v>0</v>
      </c>
      <c r="H69" s="13">
        <v>0</v>
      </c>
      <c r="I69" s="13">
        <v>0</v>
      </c>
      <c r="J69" s="12"/>
      <c r="K69" s="12"/>
    </row>
    <row r="70" spans="1:11" x14ac:dyDescent="0.25">
      <c r="A70" s="2" t="s">
        <v>127</v>
      </c>
      <c r="B70" s="4" t="s">
        <v>128</v>
      </c>
      <c r="C70" s="13">
        <v>0</v>
      </c>
      <c r="D70" s="13">
        <v>0</v>
      </c>
      <c r="E70" s="13">
        <v>0</v>
      </c>
      <c r="F70" s="13">
        <v>0</v>
      </c>
      <c r="G70" s="13">
        <v>0</v>
      </c>
      <c r="H70" s="13">
        <v>0</v>
      </c>
      <c r="I70" s="13">
        <v>0</v>
      </c>
      <c r="J70" s="12"/>
      <c r="K70" s="12"/>
    </row>
    <row r="71" spans="1:11" x14ac:dyDescent="0.25">
      <c r="A71" s="3" t="s">
        <v>129</v>
      </c>
      <c r="B71" s="5" t="s">
        <v>130</v>
      </c>
      <c r="C71" s="11">
        <v>0</v>
      </c>
      <c r="D71" s="11">
        <v>0</v>
      </c>
      <c r="E71" s="11">
        <v>0</v>
      </c>
      <c r="F71" s="11">
        <v>0</v>
      </c>
      <c r="G71" s="11">
        <v>0</v>
      </c>
      <c r="H71" s="11">
        <v>0</v>
      </c>
      <c r="I71" s="11">
        <v>0</v>
      </c>
      <c r="J71" s="12"/>
      <c r="K71" s="12"/>
    </row>
    <row r="72" spans="1:11" x14ac:dyDescent="0.25">
      <c r="A72" s="2" t="s">
        <v>131</v>
      </c>
      <c r="B72" s="4" t="s">
        <v>132</v>
      </c>
      <c r="C72" s="13">
        <v>0</v>
      </c>
      <c r="D72" s="13">
        <v>0</v>
      </c>
      <c r="E72" s="13">
        <v>0</v>
      </c>
      <c r="F72" s="13">
        <v>0</v>
      </c>
      <c r="G72" s="13">
        <v>0</v>
      </c>
      <c r="H72" s="13">
        <v>0</v>
      </c>
      <c r="I72" s="13">
        <v>0</v>
      </c>
      <c r="J72" s="12"/>
      <c r="K72" s="12"/>
    </row>
    <row r="73" spans="1:11" x14ac:dyDescent="0.25">
      <c r="A73" s="2" t="s">
        <v>133</v>
      </c>
      <c r="B73" s="4" t="s">
        <v>134</v>
      </c>
      <c r="C73" s="13">
        <v>0</v>
      </c>
      <c r="D73" s="13">
        <v>0</v>
      </c>
      <c r="E73" s="13">
        <v>0</v>
      </c>
      <c r="F73" s="13">
        <v>0</v>
      </c>
      <c r="G73" s="13">
        <v>0</v>
      </c>
      <c r="H73" s="13">
        <v>0</v>
      </c>
      <c r="I73" s="13">
        <v>0</v>
      </c>
      <c r="J73" s="12"/>
      <c r="K73" s="12"/>
    </row>
    <row r="74" spans="1:11" x14ac:dyDescent="0.25">
      <c r="A74" s="2" t="s">
        <v>135</v>
      </c>
      <c r="B74" s="4" t="s">
        <v>136</v>
      </c>
      <c r="C74" s="13">
        <v>0</v>
      </c>
      <c r="D74" s="13">
        <v>0</v>
      </c>
      <c r="E74" s="13">
        <v>0</v>
      </c>
      <c r="F74" s="13">
        <v>0</v>
      </c>
      <c r="G74" s="13">
        <v>0</v>
      </c>
      <c r="H74" s="13">
        <v>0</v>
      </c>
      <c r="I74" s="13">
        <v>0</v>
      </c>
      <c r="J74" s="12"/>
      <c r="K74" s="12"/>
    </row>
    <row r="75" spans="1:11" x14ac:dyDescent="0.25">
      <c r="A75" s="2" t="s">
        <v>137</v>
      </c>
      <c r="B75" s="4" t="s">
        <v>138</v>
      </c>
      <c r="C75" s="13">
        <v>0</v>
      </c>
      <c r="D75" s="13">
        <v>0</v>
      </c>
      <c r="E75" s="13">
        <v>0</v>
      </c>
      <c r="F75" s="13">
        <v>0</v>
      </c>
      <c r="G75" s="13">
        <v>0</v>
      </c>
      <c r="H75" s="13">
        <v>0</v>
      </c>
      <c r="I75" s="13">
        <v>0</v>
      </c>
      <c r="J75" s="12"/>
      <c r="K75" s="12"/>
    </row>
    <row r="76" spans="1:11" x14ac:dyDescent="0.25">
      <c r="A76" s="2" t="s">
        <v>139</v>
      </c>
      <c r="B76" s="4" t="s">
        <v>140</v>
      </c>
      <c r="C76" s="13">
        <v>1939747300</v>
      </c>
      <c r="D76" s="13">
        <v>1954235800</v>
      </c>
      <c r="E76" s="13">
        <v>383272015.12</v>
      </c>
      <c r="F76" s="13">
        <v>19.61</v>
      </c>
      <c r="G76" s="13">
        <v>1054902191.34</v>
      </c>
      <c r="H76" s="13">
        <v>53.98</v>
      </c>
      <c r="I76" s="13">
        <v>899333608.65999997</v>
      </c>
      <c r="J76" s="12"/>
      <c r="K76" s="12"/>
    </row>
    <row r="77" spans="1:11" x14ac:dyDescent="0.25">
      <c r="A77" s="3" t="s">
        <v>141</v>
      </c>
      <c r="B77" s="5" t="s">
        <v>142</v>
      </c>
      <c r="C77" s="11">
        <v>18475534800</v>
      </c>
      <c r="D77" s="11">
        <v>18822242127</v>
      </c>
      <c r="E77" s="11">
        <v>3989535274.8800001</v>
      </c>
      <c r="F77" s="11">
        <v>21.2</v>
      </c>
      <c r="G77" s="11">
        <v>11059485991.790001</v>
      </c>
      <c r="H77" s="11">
        <v>58.76</v>
      </c>
      <c r="I77" s="11">
        <v>7762756135.21</v>
      </c>
      <c r="J77" s="12"/>
      <c r="K77" s="12"/>
    </row>
    <row r="78" spans="1:11" x14ac:dyDescent="0.25">
      <c r="A78" s="3" t="s">
        <v>143</v>
      </c>
      <c r="B78" s="5" t="s">
        <v>144</v>
      </c>
      <c r="C78" s="11">
        <v>0</v>
      </c>
      <c r="D78" s="11">
        <v>0</v>
      </c>
      <c r="E78" s="11">
        <v>0</v>
      </c>
      <c r="F78" s="11">
        <v>0</v>
      </c>
      <c r="G78" s="11">
        <v>0</v>
      </c>
      <c r="H78" s="11">
        <v>0</v>
      </c>
      <c r="I78" s="11">
        <v>0</v>
      </c>
      <c r="J78" s="12"/>
      <c r="K78" s="12"/>
    </row>
    <row r="79" spans="1:11" x14ac:dyDescent="0.25">
      <c r="A79" s="3" t="s">
        <v>145</v>
      </c>
      <c r="B79" s="5" t="s">
        <v>146</v>
      </c>
      <c r="C79" s="11">
        <v>0</v>
      </c>
      <c r="D79" s="11">
        <v>0</v>
      </c>
      <c r="E79" s="11">
        <v>0</v>
      </c>
      <c r="F79" s="11">
        <v>0</v>
      </c>
      <c r="G79" s="11">
        <v>0</v>
      </c>
      <c r="H79" s="11">
        <v>0</v>
      </c>
      <c r="I79" s="11">
        <v>0</v>
      </c>
      <c r="J79" s="12"/>
      <c r="K79" s="12"/>
    </row>
    <row r="80" spans="1:11" x14ac:dyDescent="0.25">
      <c r="A80" s="2" t="s">
        <v>147</v>
      </c>
      <c r="B80" s="4" t="s">
        <v>148</v>
      </c>
      <c r="C80" s="13">
        <v>0</v>
      </c>
      <c r="D80" s="13">
        <v>0</v>
      </c>
      <c r="E80" s="13">
        <v>0</v>
      </c>
      <c r="F80" s="13">
        <v>0</v>
      </c>
      <c r="G80" s="13">
        <v>0</v>
      </c>
      <c r="H80" s="13">
        <v>0</v>
      </c>
      <c r="I80" s="13">
        <v>0</v>
      </c>
      <c r="J80" s="12"/>
      <c r="K80" s="12"/>
    </row>
    <row r="81" spans="1:11" x14ac:dyDescent="0.25">
      <c r="A81" s="2" t="s">
        <v>149</v>
      </c>
      <c r="B81" s="4" t="s">
        <v>150</v>
      </c>
      <c r="C81" s="13">
        <v>0</v>
      </c>
      <c r="D81" s="13">
        <v>0</v>
      </c>
      <c r="E81" s="13">
        <v>0</v>
      </c>
      <c r="F81" s="13">
        <v>0</v>
      </c>
      <c r="G81" s="13">
        <v>0</v>
      </c>
      <c r="H81" s="13">
        <v>0</v>
      </c>
      <c r="I81" s="13">
        <v>0</v>
      </c>
      <c r="J81" s="12"/>
      <c r="K81" s="12"/>
    </row>
    <row r="82" spans="1:11" x14ac:dyDescent="0.25">
      <c r="A82" s="3" t="s">
        <v>151</v>
      </c>
      <c r="B82" s="5" t="s">
        <v>152</v>
      </c>
      <c r="C82" s="11">
        <v>0</v>
      </c>
      <c r="D82" s="11">
        <v>0</v>
      </c>
      <c r="E82" s="11">
        <v>0</v>
      </c>
      <c r="F82" s="11">
        <v>0</v>
      </c>
      <c r="G82" s="11">
        <v>0</v>
      </c>
      <c r="H82" s="11">
        <v>0</v>
      </c>
      <c r="I82" s="11">
        <v>0</v>
      </c>
      <c r="J82" s="12"/>
      <c r="K82" s="12"/>
    </row>
    <row r="83" spans="1:11" x14ac:dyDescent="0.25">
      <c r="A83" s="2" t="s">
        <v>153</v>
      </c>
      <c r="B83" s="4" t="s">
        <v>148</v>
      </c>
      <c r="C83" s="13">
        <v>0</v>
      </c>
      <c r="D83" s="13">
        <v>0</v>
      </c>
      <c r="E83" s="13">
        <v>0</v>
      </c>
      <c r="F83" s="13">
        <v>0</v>
      </c>
      <c r="G83" s="13">
        <v>0</v>
      </c>
      <c r="H83" s="13">
        <v>0</v>
      </c>
      <c r="I83" s="13">
        <v>0</v>
      </c>
      <c r="J83" s="12"/>
      <c r="K83" s="12"/>
    </row>
    <row r="84" spans="1:11" x14ac:dyDescent="0.25">
      <c r="A84" s="2" t="s">
        <v>154</v>
      </c>
      <c r="B84" s="4" t="s">
        <v>150</v>
      </c>
      <c r="C84" s="13">
        <v>0</v>
      </c>
      <c r="D84" s="13">
        <v>0</v>
      </c>
      <c r="E84" s="13">
        <v>0</v>
      </c>
      <c r="F84" s="13">
        <v>0</v>
      </c>
      <c r="G84" s="13">
        <v>0</v>
      </c>
      <c r="H84" s="13">
        <v>0</v>
      </c>
      <c r="I84" s="13">
        <v>0</v>
      </c>
      <c r="J84" s="12"/>
      <c r="K84" s="12"/>
    </row>
    <row r="85" spans="1:11" x14ac:dyDescent="0.25">
      <c r="A85" s="3" t="s">
        <v>155</v>
      </c>
      <c r="B85" s="5" t="s">
        <v>156</v>
      </c>
      <c r="C85" s="11">
        <v>18475534800</v>
      </c>
      <c r="D85" s="11">
        <v>18822242127</v>
      </c>
      <c r="E85" s="11">
        <v>3989535274.8800001</v>
      </c>
      <c r="F85" s="11">
        <v>21.2</v>
      </c>
      <c r="G85" s="11">
        <v>11059485991.790001</v>
      </c>
      <c r="H85" s="11">
        <v>58.76</v>
      </c>
      <c r="I85" s="11">
        <v>7762756135.21</v>
      </c>
      <c r="J85" s="12"/>
      <c r="K85" s="12"/>
    </row>
    <row r="86" spans="1:11" x14ac:dyDescent="0.25">
      <c r="A86" s="2" t="s">
        <v>157</v>
      </c>
      <c r="B86" s="4" t="s">
        <v>158</v>
      </c>
      <c r="C86" s="13">
        <v>0</v>
      </c>
      <c r="D86" s="13">
        <v>0</v>
      </c>
      <c r="E86" s="13">
        <v>0</v>
      </c>
      <c r="F86" s="13">
        <v>0</v>
      </c>
      <c r="G86" s="13">
        <v>0</v>
      </c>
      <c r="H86" s="13">
        <v>0</v>
      </c>
      <c r="I86" s="13">
        <v>0</v>
      </c>
      <c r="J86" s="12"/>
      <c r="K86" s="12"/>
    </row>
    <row r="87" spans="1:11" x14ac:dyDescent="0.25">
      <c r="A87" s="3" t="s">
        <v>159</v>
      </c>
      <c r="B87" s="5" t="s">
        <v>160</v>
      </c>
      <c r="C87" s="11">
        <v>18475534800</v>
      </c>
      <c r="D87" s="11">
        <v>18822242127</v>
      </c>
      <c r="E87" s="11">
        <v>3989535274.8800001</v>
      </c>
      <c r="F87" s="11">
        <v>21.2</v>
      </c>
      <c r="G87" s="11">
        <v>11059485991.790001</v>
      </c>
      <c r="H87" s="11">
        <v>58.76</v>
      </c>
      <c r="I87" s="11">
        <v>7762756135.21</v>
      </c>
      <c r="J87" s="12"/>
      <c r="K87" s="12"/>
    </row>
    <row r="88" spans="1:11" x14ac:dyDescent="0.25">
      <c r="A88" s="3" t="s">
        <v>161</v>
      </c>
      <c r="B88" s="5" t="s">
        <v>162</v>
      </c>
      <c r="C88" s="11">
        <v>0</v>
      </c>
      <c r="D88" s="11">
        <v>2580501142.6900001</v>
      </c>
      <c r="E88" s="11">
        <v>0</v>
      </c>
      <c r="F88" s="11">
        <v>0</v>
      </c>
      <c r="G88" s="11">
        <v>2580501142.6900001</v>
      </c>
      <c r="H88" s="11">
        <v>100</v>
      </c>
      <c r="I88" s="11">
        <v>0</v>
      </c>
      <c r="J88" s="12"/>
      <c r="K88" s="12"/>
    </row>
    <row r="89" spans="1:11" x14ac:dyDescent="0.25">
      <c r="A89" s="2" t="s">
        <v>163</v>
      </c>
      <c r="B89" s="4" t="s">
        <v>164</v>
      </c>
      <c r="C89" s="13">
        <v>0</v>
      </c>
      <c r="D89" s="13">
        <v>0</v>
      </c>
      <c r="E89" s="13">
        <v>0</v>
      </c>
      <c r="F89" s="13">
        <v>0</v>
      </c>
      <c r="G89" s="13">
        <v>0</v>
      </c>
      <c r="H89" s="13">
        <v>0</v>
      </c>
      <c r="I89" s="13">
        <v>0</v>
      </c>
      <c r="J89" s="12"/>
      <c r="K89" s="12"/>
    </row>
    <row r="90" spans="1:11" x14ac:dyDescent="0.25">
      <c r="A90" s="2" t="s">
        <v>165</v>
      </c>
      <c r="B90" s="4" t="s">
        <v>166</v>
      </c>
      <c r="C90" s="13">
        <v>0</v>
      </c>
      <c r="D90" s="13">
        <v>2580501142.6900001</v>
      </c>
      <c r="E90" s="13">
        <v>0</v>
      </c>
      <c r="F90" s="13">
        <v>0</v>
      </c>
      <c r="G90" s="13">
        <v>2580501142.6900001</v>
      </c>
      <c r="H90" s="13">
        <v>100</v>
      </c>
      <c r="I90" s="13">
        <v>0</v>
      </c>
      <c r="J90" s="12"/>
      <c r="K90" s="12"/>
    </row>
    <row r="91" spans="1:11" x14ac:dyDescent="0.25">
      <c r="C91" s="12"/>
      <c r="D91" s="12"/>
      <c r="E91" s="12"/>
      <c r="F91" s="12"/>
      <c r="G91" s="12"/>
      <c r="H91" s="12"/>
      <c r="I91" s="12"/>
      <c r="J91" s="12"/>
      <c r="K91" s="12"/>
    </row>
    <row r="92" spans="1:11" x14ac:dyDescent="0.25">
      <c r="A92" s="10" t="s">
        <v>6</v>
      </c>
      <c r="B92" s="10" t="s">
        <v>167</v>
      </c>
      <c r="C92" s="14" t="s">
        <v>168</v>
      </c>
      <c r="D92" s="14" t="s">
        <v>169</v>
      </c>
      <c r="E92" s="14" t="s">
        <v>170</v>
      </c>
      <c r="F92" s="14" t="s">
        <v>7</v>
      </c>
      <c r="G92" s="14" t="s">
        <v>173</v>
      </c>
      <c r="H92" s="14" t="s">
        <v>174</v>
      </c>
      <c r="I92" s="14" t="s">
        <v>7</v>
      </c>
      <c r="J92" s="14" t="s">
        <v>176</v>
      </c>
      <c r="K92" s="14" t="s">
        <v>177</v>
      </c>
    </row>
    <row r="93" spans="1:11" ht="21" x14ac:dyDescent="0.25">
      <c r="A93" s="10" t="s">
        <v>7</v>
      </c>
      <c r="B93" s="10" t="s">
        <v>7</v>
      </c>
      <c r="C93" s="14" t="s">
        <v>7</v>
      </c>
      <c r="D93" s="14" t="s">
        <v>7</v>
      </c>
      <c r="E93" s="15" t="s">
        <v>171</v>
      </c>
      <c r="F93" s="15" t="s">
        <v>172</v>
      </c>
      <c r="G93" s="14" t="s">
        <v>7</v>
      </c>
      <c r="H93" s="15" t="s">
        <v>171</v>
      </c>
      <c r="I93" s="15" t="s">
        <v>175</v>
      </c>
      <c r="J93" s="14" t="s">
        <v>7</v>
      </c>
      <c r="K93" s="14" t="s">
        <v>7</v>
      </c>
    </row>
    <row r="94" spans="1:11" x14ac:dyDescent="0.25">
      <c r="A94" s="3" t="s">
        <v>178</v>
      </c>
      <c r="B94" s="5" t="s">
        <v>179</v>
      </c>
      <c r="C94" s="11">
        <v>16623418000</v>
      </c>
      <c r="D94" s="11">
        <v>19697777793.369999</v>
      </c>
      <c r="E94" s="11">
        <v>3346831496.21</v>
      </c>
      <c r="F94" s="11">
        <v>11944897540.85</v>
      </c>
      <c r="G94" s="11">
        <v>7752880252.5200005</v>
      </c>
      <c r="H94" s="11">
        <v>3272723872.5599999</v>
      </c>
      <c r="I94" s="11">
        <v>8512961643.5799999</v>
      </c>
      <c r="J94" s="11">
        <v>11184816149.790001</v>
      </c>
      <c r="K94" s="11">
        <v>8355174660.46</v>
      </c>
    </row>
    <row r="95" spans="1:11" x14ac:dyDescent="0.25">
      <c r="A95" s="3" t="s">
        <v>180</v>
      </c>
      <c r="B95" s="5" t="s">
        <v>181</v>
      </c>
      <c r="C95" s="11">
        <v>14218980000</v>
      </c>
      <c r="D95" s="11">
        <v>15227911436.879999</v>
      </c>
      <c r="E95" s="11">
        <v>2477454275.54</v>
      </c>
      <c r="F95" s="11">
        <v>9062344150.9200001</v>
      </c>
      <c r="G95" s="11">
        <v>6165567285.96</v>
      </c>
      <c r="H95" s="11">
        <v>2658666893.9899998</v>
      </c>
      <c r="I95" s="11">
        <v>7226982986.0900002</v>
      </c>
      <c r="J95" s="11">
        <v>8000928450.79</v>
      </c>
      <c r="K95" s="11">
        <v>7110316819.1199999</v>
      </c>
    </row>
    <row r="96" spans="1:11" x14ac:dyDescent="0.25">
      <c r="A96" s="2" t="s">
        <v>182</v>
      </c>
      <c r="B96" s="4" t="s">
        <v>183</v>
      </c>
      <c r="C96" s="13">
        <v>9139359300</v>
      </c>
      <c r="D96" s="13">
        <v>9273687620.6800003</v>
      </c>
      <c r="E96" s="13">
        <v>1505947355.6800001</v>
      </c>
      <c r="F96" s="13">
        <v>5378627167.3500004</v>
      </c>
      <c r="G96" s="13">
        <v>3895060453.3299999</v>
      </c>
      <c r="H96" s="13">
        <v>1696111956.1300001</v>
      </c>
      <c r="I96" s="13">
        <v>4820472570.6700001</v>
      </c>
      <c r="J96" s="13">
        <v>4453215050.0100002</v>
      </c>
      <c r="K96" s="13">
        <v>4807363858.25</v>
      </c>
    </row>
    <row r="97" spans="1:11" x14ac:dyDescent="0.25">
      <c r="A97" s="2" t="s">
        <v>184</v>
      </c>
      <c r="B97" s="4" t="s">
        <v>185</v>
      </c>
      <c r="C97" s="13">
        <v>326039500</v>
      </c>
      <c r="D97" s="13">
        <v>288907628</v>
      </c>
      <c r="E97" s="13">
        <v>21725525.109999999</v>
      </c>
      <c r="F97" s="13">
        <v>278120388.56</v>
      </c>
      <c r="G97" s="13">
        <v>10787239.439999999</v>
      </c>
      <c r="H97" s="13">
        <v>52442559.509999998</v>
      </c>
      <c r="I97" s="13">
        <v>164527322.03</v>
      </c>
      <c r="J97" s="13">
        <v>124380305.97</v>
      </c>
      <c r="K97" s="13">
        <v>164527322.03</v>
      </c>
    </row>
    <row r="98" spans="1:11" x14ac:dyDescent="0.25">
      <c r="A98" s="3" t="s">
        <v>186</v>
      </c>
      <c r="B98" s="5" t="s">
        <v>187</v>
      </c>
      <c r="C98" s="11">
        <v>4753581200</v>
      </c>
      <c r="D98" s="11">
        <v>5665316188.1999998</v>
      </c>
      <c r="E98" s="11">
        <v>949781394.75</v>
      </c>
      <c r="F98" s="11">
        <v>3405596595.0100002</v>
      </c>
      <c r="G98" s="11">
        <v>2259719593.1900001</v>
      </c>
      <c r="H98" s="11">
        <v>910112378.35000002</v>
      </c>
      <c r="I98" s="11">
        <v>2241983093.3899999</v>
      </c>
      <c r="J98" s="11">
        <v>3423333094.8099999</v>
      </c>
      <c r="K98" s="11">
        <v>2138425638.8399999</v>
      </c>
    </row>
    <row r="99" spans="1:11" x14ac:dyDescent="0.25">
      <c r="A99" s="2" t="s">
        <v>188</v>
      </c>
      <c r="B99" s="4" t="s">
        <v>189</v>
      </c>
      <c r="C99" s="13">
        <v>448268600</v>
      </c>
      <c r="D99" s="13">
        <v>448268600</v>
      </c>
      <c r="E99" s="13">
        <v>0</v>
      </c>
      <c r="F99" s="13">
        <v>448268500</v>
      </c>
      <c r="G99" s="13">
        <v>100</v>
      </c>
      <c r="H99" s="13">
        <v>84622407.900000006</v>
      </c>
      <c r="I99" s="13">
        <v>243386668.02000001</v>
      </c>
      <c r="J99" s="13">
        <v>204881931.97999999</v>
      </c>
      <c r="K99" s="13">
        <v>199390016.88</v>
      </c>
    </row>
    <row r="100" spans="1:11" x14ac:dyDescent="0.25">
      <c r="A100" s="2" t="s">
        <v>190</v>
      </c>
      <c r="B100" s="4" t="s">
        <v>191</v>
      </c>
      <c r="C100" s="13">
        <v>4305312600</v>
      </c>
      <c r="D100" s="13">
        <v>5217047588.1999998</v>
      </c>
      <c r="E100" s="13">
        <v>949781394.75</v>
      </c>
      <c r="F100" s="13">
        <v>2957328095.0100002</v>
      </c>
      <c r="G100" s="13">
        <v>2259719493.1900001</v>
      </c>
      <c r="H100" s="13">
        <v>825489970.45000005</v>
      </c>
      <c r="I100" s="13">
        <v>1998596425.3699999</v>
      </c>
      <c r="J100" s="13">
        <v>3218451162.8299999</v>
      </c>
      <c r="K100" s="13">
        <v>1939035621.96</v>
      </c>
    </row>
    <row r="101" spans="1:11" x14ac:dyDescent="0.25">
      <c r="A101" s="3" t="s">
        <v>192</v>
      </c>
      <c r="B101" s="5" t="s">
        <v>193</v>
      </c>
      <c r="C101" s="11">
        <v>2250470500</v>
      </c>
      <c r="D101" s="11">
        <v>4315898856.4899998</v>
      </c>
      <c r="E101" s="11">
        <v>869377220.66999996</v>
      </c>
      <c r="F101" s="11">
        <v>2882553389.9299998</v>
      </c>
      <c r="G101" s="11">
        <v>1433345466.5599999</v>
      </c>
      <c r="H101" s="11">
        <v>614056978.57000005</v>
      </c>
      <c r="I101" s="11">
        <v>1285978657.49</v>
      </c>
      <c r="J101" s="11">
        <v>3029920199</v>
      </c>
      <c r="K101" s="11">
        <v>1244857841.3399999</v>
      </c>
    </row>
    <row r="102" spans="1:11" x14ac:dyDescent="0.25">
      <c r="A102" s="2" t="s">
        <v>194</v>
      </c>
      <c r="B102" s="4" t="s">
        <v>195</v>
      </c>
      <c r="C102" s="13">
        <v>1852505400</v>
      </c>
      <c r="D102" s="13">
        <v>3978625806.4899998</v>
      </c>
      <c r="E102" s="13">
        <v>857230371.75</v>
      </c>
      <c r="F102" s="13">
        <v>2569747041.3000002</v>
      </c>
      <c r="G102" s="13">
        <v>1408878765.1900001</v>
      </c>
      <c r="H102" s="13">
        <v>562921929.08000004</v>
      </c>
      <c r="I102" s="13">
        <v>1094944978.8800001</v>
      </c>
      <c r="J102" s="13">
        <v>2883680827.6100001</v>
      </c>
      <c r="K102" s="13">
        <v>1053824162.73</v>
      </c>
    </row>
    <row r="103" spans="1:11" x14ac:dyDescent="0.25">
      <c r="A103" s="2" t="s">
        <v>196</v>
      </c>
      <c r="B103" s="4" t="s">
        <v>197</v>
      </c>
      <c r="C103" s="13">
        <v>32350100</v>
      </c>
      <c r="D103" s="13">
        <v>26199660</v>
      </c>
      <c r="E103" s="13">
        <v>6520712.5199999996</v>
      </c>
      <c r="F103" s="13">
        <v>12234167.310000001</v>
      </c>
      <c r="G103" s="13">
        <v>13965492.689999999</v>
      </c>
      <c r="H103" s="13">
        <v>0</v>
      </c>
      <c r="I103" s="13">
        <v>1160000</v>
      </c>
      <c r="J103" s="13">
        <v>25039660</v>
      </c>
      <c r="K103" s="13">
        <v>1160000</v>
      </c>
    </row>
    <row r="104" spans="1:11" x14ac:dyDescent="0.25">
      <c r="A104" s="2" t="s">
        <v>198</v>
      </c>
      <c r="B104" s="4" t="s">
        <v>199</v>
      </c>
      <c r="C104" s="13">
        <v>365615000</v>
      </c>
      <c r="D104" s="13">
        <v>311073390</v>
      </c>
      <c r="E104" s="13">
        <v>5626136.4000000004</v>
      </c>
      <c r="F104" s="13">
        <v>300572181.31999999</v>
      </c>
      <c r="G104" s="13">
        <v>10501208.68</v>
      </c>
      <c r="H104" s="13">
        <v>51135049.490000002</v>
      </c>
      <c r="I104" s="13">
        <v>189873678.61000001</v>
      </c>
      <c r="J104" s="13">
        <v>121199711.39</v>
      </c>
      <c r="K104" s="13">
        <v>189873678.61000001</v>
      </c>
    </row>
    <row r="105" spans="1:11" x14ac:dyDescent="0.25">
      <c r="A105" s="2" t="s">
        <v>200</v>
      </c>
      <c r="B105" s="4" t="s">
        <v>201</v>
      </c>
      <c r="C105" s="13">
        <v>153967500</v>
      </c>
      <c r="D105" s="13">
        <v>153967500</v>
      </c>
      <c r="E105" s="13">
        <v>0</v>
      </c>
      <c r="F105" s="13">
        <v>0</v>
      </c>
      <c r="G105" s="13">
        <v>153967500</v>
      </c>
      <c r="H105" s="13">
        <v>0</v>
      </c>
      <c r="I105" s="13">
        <v>0</v>
      </c>
      <c r="J105" s="13">
        <v>153967500</v>
      </c>
      <c r="K105" s="13">
        <v>0</v>
      </c>
    </row>
    <row r="106" spans="1:11" x14ac:dyDescent="0.25">
      <c r="A106" s="2" t="s">
        <v>202</v>
      </c>
      <c r="B106" s="4" t="s">
        <v>203</v>
      </c>
      <c r="C106" s="13">
        <v>1852116800</v>
      </c>
      <c r="D106" s="13">
        <v>1704965476.3199999</v>
      </c>
      <c r="E106" s="13">
        <v>330762304.02999997</v>
      </c>
      <c r="F106" s="13">
        <v>1252912115.5699999</v>
      </c>
      <c r="G106" s="13">
        <v>452053360.75</v>
      </c>
      <c r="H106" s="13">
        <v>386283137.22000003</v>
      </c>
      <c r="I106" s="13">
        <v>1123500873.8299999</v>
      </c>
      <c r="J106" s="13">
        <v>581464602.49000001</v>
      </c>
      <c r="K106" s="13">
        <v>1038608538.8200001</v>
      </c>
    </row>
    <row r="107" spans="1:11" x14ac:dyDescent="0.25">
      <c r="A107" s="3" t="s">
        <v>204</v>
      </c>
      <c r="B107" s="5" t="s">
        <v>205</v>
      </c>
      <c r="C107" s="11">
        <v>18475534800</v>
      </c>
      <c r="D107" s="11">
        <v>21402743269.689999</v>
      </c>
      <c r="E107" s="11">
        <v>3677593800.2399998</v>
      </c>
      <c r="F107" s="11">
        <v>13197809656.42</v>
      </c>
      <c r="G107" s="11">
        <v>8204933613.2700005</v>
      </c>
      <c r="H107" s="11">
        <v>3659007009.7800002</v>
      </c>
      <c r="I107" s="11">
        <v>9636462517.4099998</v>
      </c>
      <c r="J107" s="11">
        <v>11766280752.280001</v>
      </c>
      <c r="K107" s="11">
        <v>9393783199.2800007</v>
      </c>
    </row>
    <row r="108" spans="1:11" x14ac:dyDescent="0.25">
      <c r="A108" s="3" t="s">
        <v>206</v>
      </c>
      <c r="B108" s="5" t="s">
        <v>207</v>
      </c>
      <c r="C108" s="11">
        <v>0</v>
      </c>
      <c r="D108" s="11">
        <v>0</v>
      </c>
      <c r="E108" s="11">
        <v>0</v>
      </c>
      <c r="F108" s="11">
        <v>0</v>
      </c>
      <c r="G108" s="11">
        <v>0</v>
      </c>
      <c r="H108" s="11">
        <v>0</v>
      </c>
      <c r="I108" s="11">
        <v>0</v>
      </c>
      <c r="J108" s="11">
        <v>0</v>
      </c>
      <c r="K108" s="11">
        <v>0</v>
      </c>
    </row>
    <row r="109" spans="1:11" x14ac:dyDescent="0.25">
      <c r="A109" s="3" t="s">
        <v>208</v>
      </c>
      <c r="B109" s="5" t="s">
        <v>209</v>
      </c>
      <c r="C109" s="11">
        <v>0</v>
      </c>
      <c r="D109" s="11">
        <v>0</v>
      </c>
      <c r="E109" s="11">
        <v>0</v>
      </c>
      <c r="F109" s="11">
        <v>0</v>
      </c>
      <c r="G109" s="11">
        <v>0</v>
      </c>
      <c r="H109" s="11">
        <v>0</v>
      </c>
      <c r="I109" s="11">
        <v>0</v>
      </c>
      <c r="J109" s="11">
        <v>0</v>
      </c>
      <c r="K109" s="11">
        <v>0</v>
      </c>
    </row>
    <row r="110" spans="1:11" x14ac:dyDescent="0.25">
      <c r="A110" s="2" t="s">
        <v>210</v>
      </c>
      <c r="B110" s="4" t="s">
        <v>211</v>
      </c>
      <c r="C110" s="13">
        <v>0</v>
      </c>
      <c r="D110" s="13">
        <v>0</v>
      </c>
      <c r="E110" s="13">
        <v>0</v>
      </c>
      <c r="F110" s="13">
        <v>0</v>
      </c>
      <c r="G110" s="13">
        <v>0</v>
      </c>
      <c r="H110" s="13">
        <v>0</v>
      </c>
      <c r="I110" s="13">
        <v>0</v>
      </c>
      <c r="J110" s="13">
        <v>0</v>
      </c>
      <c r="K110" s="13">
        <v>0</v>
      </c>
    </row>
    <row r="111" spans="1:11" x14ac:dyDescent="0.25">
      <c r="A111" s="2" t="s">
        <v>212</v>
      </c>
      <c r="B111" s="4" t="s">
        <v>213</v>
      </c>
      <c r="C111" s="13">
        <v>0</v>
      </c>
      <c r="D111" s="13">
        <v>0</v>
      </c>
      <c r="E111" s="13">
        <v>0</v>
      </c>
      <c r="F111" s="13">
        <v>0</v>
      </c>
      <c r="G111" s="13">
        <v>0</v>
      </c>
      <c r="H111" s="13">
        <v>0</v>
      </c>
      <c r="I111" s="13">
        <v>0</v>
      </c>
      <c r="J111" s="13">
        <v>0</v>
      </c>
      <c r="K111" s="13">
        <v>0</v>
      </c>
    </row>
    <row r="112" spans="1:11" x14ac:dyDescent="0.25">
      <c r="A112" s="3" t="s">
        <v>214</v>
      </c>
      <c r="B112" s="5" t="s">
        <v>215</v>
      </c>
      <c r="C112" s="11">
        <v>0</v>
      </c>
      <c r="D112" s="11">
        <v>0</v>
      </c>
      <c r="E112" s="11">
        <v>0</v>
      </c>
      <c r="F112" s="11">
        <v>0</v>
      </c>
      <c r="G112" s="11">
        <v>0</v>
      </c>
      <c r="H112" s="11">
        <v>0</v>
      </c>
      <c r="I112" s="11">
        <v>0</v>
      </c>
      <c r="J112" s="11">
        <v>0</v>
      </c>
      <c r="K112" s="11">
        <v>0</v>
      </c>
    </row>
    <row r="113" spans="1:11" x14ac:dyDescent="0.25">
      <c r="A113" s="2" t="s">
        <v>216</v>
      </c>
      <c r="B113" s="4" t="s">
        <v>211</v>
      </c>
      <c r="C113" s="13">
        <v>0</v>
      </c>
      <c r="D113" s="13">
        <v>0</v>
      </c>
      <c r="E113" s="13">
        <v>0</v>
      </c>
      <c r="F113" s="13">
        <v>0</v>
      </c>
      <c r="G113" s="13">
        <v>0</v>
      </c>
      <c r="H113" s="13">
        <v>0</v>
      </c>
      <c r="I113" s="13">
        <v>0</v>
      </c>
      <c r="J113" s="13">
        <v>0</v>
      </c>
      <c r="K113" s="13">
        <v>0</v>
      </c>
    </row>
    <row r="114" spans="1:11" x14ac:dyDescent="0.25">
      <c r="A114" s="2" t="s">
        <v>217</v>
      </c>
      <c r="B114" s="4" t="s">
        <v>213</v>
      </c>
      <c r="C114" s="13">
        <v>0</v>
      </c>
      <c r="D114" s="13">
        <v>0</v>
      </c>
      <c r="E114" s="13">
        <v>0</v>
      </c>
      <c r="F114" s="13">
        <v>0</v>
      </c>
      <c r="G114" s="13">
        <v>0</v>
      </c>
      <c r="H114" s="13">
        <v>0</v>
      </c>
      <c r="I114" s="13">
        <v>0</v>
      </c>
      <c r="J114" s="13">
        <v>0</v>
      </c>
      <c r="K114" s="13">
        <v>0</v>
      </c>
    </row>
    <row r="115" spans="1:11" x14ac:dyDescent="0.25">
      <c r="A115" s="3" t="s">
        <v>218</v>
      </c>
      <c r="B115" s="5" t="s">
        <v>219</v>
      </c>
      <c r="C115" s="11">
        <v>18475534800</v>
      </c>
      <c r="D115" s="11">
        <v>21402743269.689999</v>
      </c>
      <c r="E115" s="11">
        <v>3677593800.2399998</v>
      </c>
      <c r="F115" s="11">
        <v>13197809656.42</v>
      </c>
      <c r="G115" s="11">
        <v>8204933613.2700005</v>
      </c>
      <c r="H115" s="11">
        <v>3659007009.7800002</v>
      </c>
      <c r="I115" s="11">
        <v>9636462517.4099998</v>
      </c>
      <c r="J115" s="11">
        <v>11766280752.280001</v>
      </c>
      <c r="K115" s="11">
        <v>9393783199.2800007</v>
      </c>
    </row>
    <row r="116" spans="1:11" x14ac:dyDescent="0.25">
      <c r="A116" s="2" t="s">
        <v>220</v>
      </c>
      <c r="B116" s="4" t="s">
        <v>221</v>
      </c>
      <c r="C116" s="13">
        <v>0</v>
      </c>
      <c r="D116" s="13">
        <v>0</v>
      </c>
      <c r="E116" s="13">
        <v>0</v>
      </c>
      <c r="F116" s="13">
        <v>0</v>
      </c>
      <c r="G116" s="13">
        <v>0</v>
      </c>
      <c r="H116" s="13">
        <v>0</v>
      </c>
      <c r="I116" s="13">
        <v>1423023474.3800001</v>
      </c>
      <c r="J116" s="13">
        <v>0</v>
      </c>
      <c r="K116" s="13">
        <v>1665702792.51</v>
      </c>
    </row>
    <row r="117" spans="1:11" x14ac:dyDescent="0.25">
      <c r="A117" s="3" t="s">
        <v>222</v>
      </c>
      <c r="B117" s="5" t="s">
        <v>223</v>
      </c>
      <c r="C117" s="11">
        <v>18475534800</v>
      </c>
      <c r="D117" s="11">
        <v>21402743269.689999</v>
      </c>
      <c r="E117" s="11">
        <v>3677593800.2399998</v>
      </c>
      <c r="F117" s="11">
        <v>13197809656.42</v>
      </c>
      <c r="G117" s="11">
        <v>8204933613.2700005</v>
      </c>
      <c r="H117" s="11">
        <v>3659007009.7800002</v>
      </c>
      <c r="I117" s="11">
        <v>11059485991.790001</v>
      </c>
      <c r="J117" s="11">
        <v>11766280752.280001</v>
      </c>
      <c r="K117" s="11">
        <v>11059485991.790001</v>
      </c>
    </row>
    <row r="118" spans="1:11" x14ac:dyDescent="0.25">
      <c r="A118" s="2" t="s">
        <v>224</v>
      </c>
      <c r="B118" s="4" t="s">
        <v>225</v>
      </c>
      <c r="C118" s="13">
        <v>0</v>
      </c>
      <c r="D118" s="13">
        <v>0</v>
      </c>
      <c r="E118" s="13">
        <v>0</v>
      </c>
      <c r="F118" s="13">
        <v>0</v>
      </c>
      <c r="G118" s="13">
        <v>0</v>
      </c>
      <c r="H118" s="13">
        <v>0</v>
      </c>
      <c r="I118" s="13">
        <v>0</v>
      </c>
      <c r="J118" s="13">
        <v>0</v>
      </c>
      <c r="K118" s="13">
        <v>0</v>
      </c>
    </row>
    <row r="119" spans="1:11" x14ac:dyDescent="0.25">
      <c r="C119" s="12"/>
      <c r="D119" s="12"/>
      <c r="E119" s="12"/>
      <c r="F119" s="12"/>
      <c r="G119" s="12"/>
      <c r="H119" s="12"/>
      <c r="I119" s="12"/>
      <c r="J119" s="12"/>
      <c r="K119" s="12"/>
    </row>
    <row r="120" spans="1:11" x14ac:dyDescent="0.25">
      <c r="A120" s="10" t="s">
        <v>6</v>
      </c>
      <c r="B120" s="10" t="s">
        <v>226</v>
      </c>
      <c r="C120" s="14" t="s">
        <v>9</v>
      </c>
      <c r="D120" s="14" t="s">
        <v>10</v>
      </c>
      <c r="E120" s="14" t="s">
        <v>11</v>
      </c>
      <c r="F120" s="14" t="s">
        <v>7</v>
      </c>
      <c r="G120" s="14" t="s">
        <v>7</v>
      </c>
      <c r="H120" s="14" t="s">
        <v>7</v>
      </c>
      <c r="I120" s="14" t="s">
        <v>16</v>
      </c>
      <c r="J120" s="12"/>
      <c r="K120" s="12"/>
    </row>
    <row r="121" spans="1:11" ht="21" x14ac:dyDescent="0.25">
      <c r="A121" s="10" t="s">
        <v>7</v>
      </c>
      <c r="B121" s="10" t="s">
        <v>7</v>
      </c>
      <c r="C121" s="14" t="s">
        <v>7</v>
      </c>
      <c r="D121" s="14" t="s">
        <v>7</v>
      </c>
      <c r="E121" s="15" t="s">
        <v>12</v>
      </c>
      <c r="F121" s="15" t="s">
        <v>13</v>
      </c>
      <c r="G121" s="15" t="s">
        <v>14</v>
      </c>
      <c r="H121" s="15" t="s">
        <v>15</v>
      </c>
      <c r="I121" s="14" t="s">
        <v>7</v>
      </c>
      <c r="J121" s="12"/>
      <c r="K121" s="12"/>
    </row>
    <row r="122" spans="1:11" x14ac:dyDescent="0.25">
      <c r="A122" s="3" t="s">
        <v>227</v>
      </c>
      <c r="B122" s="5" t="s">
        <v>228</v>
      </c>
      <c r="C122" s="11">
        <v>1939747300</v>
      </c>
      <c r="D122" s="11">
        <v>1954235800</v>
      </c>
      <c r="E122" s="11">
        <v>383272015.12</v>
      </c>
      <c r="F122" s="11">
        <v>19.61</v>
      </c>
      <c r="G122" s="11">
        <v>1054902191.34</v>
      </c>
      <c r="H122" s="11">
        <v>53.98</v>
      </c>
      <c r="I122" s="11">
        <v>899333608.65999997</v>
      </c>
      <c r="J122" s="12"/>
      <c r="K122" s="12"/>
    </row>
    <row r="123" spans="1:11" x14ac:dyDescent="0.25">
      <c r="A123" s="3" t="s">
        <v>229</v>
      </c>
      <c r="B123" s="5" t="s">
        <v>230</v>
      </c>
      <c r="C123" s="11">
        <v>1939747300</v>
      </c>
      <c r="D123" s="11">
        <v>1954235800</v>
      </c>
      <c r="E123" s="11">
        <v>383272015.12</v>
      </c>
      <c r="F123" s="11">
        <v>19.61</v>
      </c>
      <c r="G123" s="11">
        <v>1054902191.34</v>
      </c>
      <c r="H123" s="11">
        <v>53.98</v>
      </c>
      <c r="I123" s="11">
        <v>899333608.65999997</v>
      </c>
      <c r="J123" s="12"/>
      <c r="K123" s="12"/>
    </row>
    <row r="124" spans="1:11" x14ac:dyDescent="0.25">
      <c r="A124" s="3" t="s">
        <v>231</v>
      </c>
      <c r="B124" s="5" t="s">
        <v>232</v>
      </c>
      <c r="C124" s="11">
        <v>0</v>
      </c>
      <c r="D124" s="11">
        <v>14488500</v>
      </c>
      <c r="E124" s="11">
        <v>0</v>
      </c>
      <c r="F124" s="11">
        <v>0</v>
      </c>
      <c r="G124" s="11">
        <v>0</v>
      </c>
      <c r="H124" s="11">
        <v>0</v>
      </c>
      <c r="I124" s="11">
        <v>14488500</v>
      </c>
      <c r="J124" s="12"/>
      <c r="K124" s="12"/>
    </row>
    <row r="125" spans="1:11" x14ac:dyDescent="0.25">
      <c r="A125" s="2" t="s">
        <v>233</v>
      </c>
      <c r="B125" s="4" t="s">
        <v>234</v>
      </c>
      <c r="C125" s="13">
        <v>0</v>
      </c>
      <c r="D125" s="13">
        <v>0</v>
      </c>
      <c r="E125" s="13">
        <v>0</v>
      </c>
      <c r="F125" s="13">
        <v>0</v>
      </c>
      <c r="G125" s="13">
        <v>0</v>
      </c>
      <c r="H125" s="13">
        <v>0</v>
      </c>
      <c r="I125" s="13">
        <v>0</v>
      </c>
      <c r="J125" s="12"/>
      <c r="K125" s="12"/>
    </row>
    <row r="126" spans="1:11" x14ac:dyDescent="0.25">
      <c r="A126" s="2" t="s">
        <v>235</v>
      </c>
      <c r="B126" s="4" t="s">
        <v>236</v>
      </c>
      <c r="C126" s="13">
        <v>0</v>
      </c>
      <c r="D126" s="13">
        <v>14488500</v>
      </c>
      <c r="E126" s="13">
        <v>0</v>
      </c>
      <c r="F126" s="13">
        <v>0</v>
      </c>
      <c r="G126" s="13">
        <v>0</v>
      </c>
      <c r="H126" s="13">
        <v>0</v>
      </c>
      <c r="I126" s="13">
        <v>14488500</v>
      </c>
      <c r="J126" s="12"/>
      <c r="K126" s="12"/>
    </row>
    <row r="127" spans="1:11" x14ac:dyDescent="0.25">
      <c r="A127" s="2" t="s">
        <v>237</v>
      </c>
      <c r="B127" s="4" t="s">
        <v>238</v>
      </c>
      <c r="C127" s="13">
        <v>0</v>
      </c>
      <c r="D127" s="13">
        <v>0</v>
      </c>
      <c r="E127" s="13">
        <v>0</v>
      </c>
      <c r="F127" s="13">
        <v>0</v>
      </c>
      <c r="G127" s="13">
        <v>0</v>
      </c>
      <c r="H127" s="13">
        <v>0</v>
      </c>
      <c r="I127" s="13">
        <v>0</v>
      </c>
      <c r="J127" s="12"/>
      <c r="K127" s="12"/>
    </row>
    <row r="128" spans="1:11" x14ac:dyDescent="0.25">
      <c r="A128" s="3" t="s">
        <v>239</v>
      </c>
      <c r="B128" s="5" t="s">
        <v>240</v>
      </c>
      <c r="C128" s="11">
        <v>1519441800</v>
      </c>
      <c r="D128" s="11">
        <v>1519441800</v>
      </c>
      <c r="E128" s="11">
        <v>378094513.76999998</v>
      </c>
      <c r="F128" s="11">
        <v>24.88</v>
      </c>
      <c r="G128" s="11">
        <v>1042896290.03</v>
      </c>
      <c r="H128" s="11">
        <v>68.64</v>
      </c>
      <c r="I128" s="11">
        <v>476545509.97000003</v>
      </c>
      <c r="J128" s="12"/>
      <c r="K128" s="12"/>
    </row>
    <row r="129" spans="1:11" x14ac:dyDescent="0.25">
      <c r="A129" s="2" t="s">
        <v>241</v>
      </c>
      <c r="B129" s="4" t="s">
        <v>242</v>
      </c>
      <c r="C129" s="13">
        <v>1519441800</v>
      </c>
      <c r="D129" s="13">
        <v>1519441800</v>
      </c>
      <c r="E129" s="13">
        <v>378094513.76999998</v>
      </c>
      <c r="F129" s="13">
        <v>24.88</v>
      </c>
      <c r="G129" s="13">
        <v>1042896290.03</v>
      </c>
      <c r="H129" s="13">
        <v>68.64</v>
      </c>
      <c r="I129" s="13">
        <v>476545509.97000003</v>
      </c>
      <c r="J129" s="12"/>
      <c r="K129" s="12"/>
    </row>
    <row r="130" spans="1:11" x14ac:dyDescent="0.25">
      <c r="A130" s="2" t="s">
        <v>243</v>
      </c>
      <c r="B130" s="4" t="s">
        <v>244</v>
      </c>
      <c r="C130" s="13">
        <v>0</v>
      </c>
      <c r="D130" s="13">
        <v>0</v>
      </c>
      <c r="E130" s="13">
        <v>0</v>
      </c>
      <c r="F130" s="13">
        <v>0</v>
      </c>
      <c r="G130" s="13">
        <v>0</v>
      </c>
      <c r="H130" s="13">
        <v>0</v>
      </c>
      <c r="I130" s="13">
        <v>0</v>
      </c>
      <c r="J130" s="12"/>
      <c r="K130" s="12"/>
    </row>
    <row r="131" spans="1:11" x14ac:dyDescent="0.25">
      <c r="A131" s="2" t="s">
        <v>245</v>
      </c>
      <c r="B131" s="4" t="s">
        <v>246</v>
      </c>
      <c r="C131" s="13">
        <v>0</v>
      </c>
      <c r="D131" s="13">
        <v>0</v>
      </c>
      <c r="E131" s="13">
        <v>0</v>
      </c>
      <c r="F131" s="13">
        <v>0</v>
      </c>
      <c r="G131" s="13">
        <v>0</v>
      </c>
      <c r="H131" s="13">
        <v>0</v>
      </c>
      <c r="I131" s="13">
        <v>0</v>
      </c>
      <c r="J131" s="12"/>
      <c r="K131" s="12"/>
    </row>
    <row r="132" spans="1:11" x14ac:dyDescent="0.25">
      <c r="A132" s="2" t="s">
        <v>247</v>
      </c>
      <c r="B132" s="4" t="s">
        <v>248</v>
      </c>
      <c r="C132" s="13">
        <v>0</v>
      </c>
      <c r="D132" s="13">
        <v>0</v>
      </c>
      <c r="E132" s="13">
        <v>0</v>
      </c>
      <c r="F132" s="13">
        <v>0</v>
      </c>
      <c r="G132" s="13">
        <v>0</v>
      </c>
      <c r="H132" s="13">
        <v>0</v>
      </c>
      <c r="I132" s="13">
        <v>0</v>
      </c>
      <c r="J132" s="12"/>
      <c r="K132" s="12"/>
    </row>
    <row r="133" spans="1:11" x14ac:dyDescent="0.25">
      <c r="A133" s="3" t="s">
        <v>249</v>
      </c>
      <c r="B133" s="5" t="s">
        <v>250</v>
      </c>
      <c r="C133" s="11">
        <v>90000</v>
      </c>
      <c r="D133" s="11">
        <v>90000</v>
      </c>
      <c r="E133" s="11">
        <v>0</v>
      </c>
      <c r="F133" s="11">
        <v>0</v>
      </c>
      <c r="G133" s="11">
        <v>0</v>
      </c>
      <c r="H133" s="11">
        <v>0</v>
      </c>
      <c r="I133" s="11">
        <v>90000</v>
      </c>
      <c r="J133" s="12"/>
      <c r="K133" s="12"/>
    </row>
    <row r="134" spans="1:11" x14ac:dyDescent="0.25">
      <c r="A134" s="2" t="s">
        <v>251</v>
      </c>
      <c r="B134" s="4" t="s">
        <v>252</v>
      </c>
      <c r="C134" s="13">
        <v>90000</v>
      </c>
      <c r="D134" s="13">
        <v>90000</v>
      </c>
      <c r="E134" s="13">
        <v>0</v>
      </c>
      <c r="F134" s="13">
        <v>0</v>
      </c>
      <c r="G134" s="13">
        <v>0</v>
      </c>
      <c r="H134" s="13">
        <v>0</v>
      </c>
      <c r="I134" s="13">
        <v>90000</v>
      </c>
      <c r="J134" s="12"/>
      <c r="K134" s="12"/>
    </row>
    <row r="135" spans="1:11" x14ac:dyDescent="0.25">
      <c r="A135" s="2" t="s">
        <v>253</v>
      </c>
      <c r="B135" s="4" t="s">
        <v>254</v>
      </c>
      <c r="C135" s="13">
        <v>0</v>
      </c>
      <c r="D135" s="13">
        <v>0</v>
      </c>
      <c r="E135" s="13">
        <v>0</v>
      </c>
      <c r="F135" s="13">
        <v>0</v>
      </c>
      <c r="G135" s="13">
        <v>0</v>
      </c>
      <c r="H135" s="13">
        <v>0</v>
      </c>
      <c r="I135" s="13">
        <v>0</v>
      </c>
      <c r="J135" s="12"/>
      <c r="K135" s="12"/>
    </row>
    <row r="136" spans="1:11" x14ac:dyDescent="0.25">
      <c r="A136" s="2" t="s">
        <v>255</v>
      </c>
      <c r="B136" s="4" t="s">
        <v>256</v>
      </c>
      <c r="C136" s="13">
        <v>0</v>
      </c>
      <c r="D136" s="13">
        <v>0</v>
      </c>
      <c r="E136" s="13">
        <v>0</v>
      </c>
      <c r="F136" s="13">
        <v>0</v>
      </c>
      <c r="G136" s="13">
        <v>0</v>
      </c>
      <c r="H136" s="13">
        <v>0</v>
      </c>
      <c r="I136" s="13">
        <v>0</v>
      </c>
      <c r="J136" s="12"/>
      <c r="K136" s="12"/>
    </row>
    <row r="137" spans="1:11" x14ac:dyDescent="0.25">
      <c r="A137" s="2" t="s">
        <v>257</v>
      </c>
      <c r="B137" s="4" t="s">
        <v>258</v>
      </c>
      <c r="C137" s="13">
        <v>0</v>
      </c>
      <c r="D137" s="13">
        <v>0</v>
      </c>
      <c r="E137" s="13">
        <v>0</v>
      </c>
      <c r="F137" s="13">
        <v>0</v>
      </c>
      <c r="G137" s="13">
        <v>0</v>
      </c>
      <c r="H137" s="13">
        <v>0</v>
      </c>
      <c r="I137" s="13">
        <v>0</v>
      </c>
      <c r="J137" s="12"/>
      <c r="K137" s="12"/>
    </row>
    <row r="138" spans="1:11" x14ac:dyDescent="0.25">
      <c r="A138" s="2" t="s">
        <v>259</v>
      </c>
      <c r="B138" s="4" t="s">
        <v>260</v>
      </c>
      <c r="C138" s="13">
        <v>0</v>
      </c>
      <c r="D138" s="13">
        <v>0</v>
      </c>
      <c r="E138" s="13">
        <v>0</v>
      </c>
      <c r="F138" s="13">
        <v>0</v>
      </c>
      <c r="G138" s="13">
        <v>0</v>
      </c>
      <c r="H138" s="13">
        <v>0</v>
      </c>
      <c r="I138" s="13">
        <v>0</v>
      </c>
      <c r="J138" s="12"/>
      <c r="K138" s="12"/>
    </row>
    <row r="139" spans="1:11" x14ac:dyDescent="0.25">
      <c r="A139" s="2" t="s">
        <v>261</v>
      </c>
      <c r="B139" s="4" t="s">
        <v>262</v>
      </c>
      <c r="C139" s="13">
        <v>0</v>
      </c>
      <c r="D139" s="13">
        <v>0</v>
      </c>
      <c r="E139" s="13">
        <v>0</v>
      </c>
      <c r="F139" s="13">
        <v>0</v>
      </c>
      <c r="G139" s="13">
        <v>0</v>
      </c>
      <c r="H139" s="13">
        <v>0</v>
      </c>
      <c r="I139" s="13">
        <v>0</v>
      </c>
      <c r="J139" s="12"/>
      <c r="K139" s="12"/>
    </row>
    <row r="140" spans="1:11" x14ac:dyDescent="0.25">
      <c r="A140" s="2" t="s">
        <v>263</v>
      </c>
      <c r="B140" s="4" t="s">
        <v>264</v>
      </c>
      <c r="C140" s="13">
        <v>0</v>
      </c>
      <c r="D140" s="13">
        <v>0</v>
      </c>
      <c r="E140" s="13">
        <v>0</v>
      </c>
      <c r="F140" s="13">
        <v>0</v>
      </c>
      <c r="G140" s="13">
        <v>0</v>
      </c>
      <c r="H140" s="13">
        <v>0</v>
      </c>
      <c r="I140" s="13">
        <v>0</v>
      </c>
      <c r="J140" s="12"/>
      <c r="K140" s="12"/>
    </row>
    <row r="141" spans="1:11" x14ac:dyDescent="0.25">
      <c r="A141" s="2" t="s">
        <v>265</v>
      </c>
      <c r="B141" s="4" t="s">
        <v>266</v>
      </c>
      <c r="C141" s="13">
        <v>0</v>
      </c>
      <c r="D141" s="13">
        <v>0</v>
      </c>
      <c r="E141" s="13">
        <v>0</v>
      </c>
      <c r="F141" s="13">
        <v>0</v>
      </c>
      <c r="G141" s="13">
        <v>0</v>
      </c>
      <c r="H141" s="13">
        <v>0</v>
      </c>
      <c r="I141" s="13">
        <v>0</v>
      </c>
      <c r="J141" s="12"/>
      <c r="K141" s="12"/>
    </row>
    <row r="142" spans="1:11" x14ac:dyDescent="0.25">
      <c r="A142" s="2" t="s">
        <v>267</v>
      </c>
      <c r="B142" s="4" t="s">
        <v>268</v>
      </c>
      <c r="C142" s="13">
        <v>0</v>
      </c>
      <c r="D142" s="13">
        <v>0</v>
      </c>
      <c r="E142" s="13">
        <v>0</v>
      </c>
      <c r="F142" s="13">
        <v>0</v>
      </c>
      <c r="G142" s="13">
        <v>0</v>
      </c>
      <c r="H142" s="13">
        <v>0</v>
      </c>
      <c r="I142" s="13">
        <v>0</v>
      </c>
      <c r="J142" s="12"/>
      <c r="K142" s="12"/>
    </row>
    <row r="143" spans="1:11" x14ac:dyDescent="0.25">
      <c r="A143" s="3" t="s">
        <v>269</v>
      </c>
      <c r="B143" s="5" t="s">
        <v>270</v>
      </c>
      <c r="C143" s="11">
        <v>0</v>
      </c>
      <c r="D143" s="11">
        <v>0</v>
      </c>
      <c r="E143" s="11">
        <v>2002776</v>
      </c>
      <c r="F143" s="11">
        <v>0</v>
      </c>
      <c r="G143" s="11">
        <v>5502776</v>
      </c>
      <c r="H143" s="11">
        <v>0</v>
      </c>
      <c r="I143" s="11">
        <v>-5502776</v>
      </c>
      <c r="J143" s="12"/>
      <c r="K143" s="12"/>
    </row>
    <row r="144" spans="1:11" x14ac:dyDescent="0.25">
      <c r="A144" s="2" t="s">
        <v>271</v>
      </c>
      <c r="B144" s="4" t="s">
        <v>272</v>
      </c>
      <c r="C144" s="13">
        <v>0</v>
      </c>
      <c r="D144" s="13">
        <v>0</v>
      </c>
      <c r="E144" s="13">
        <v>2002776</v>
      </c>
      <c r="F144" s="13">
        <v>0</v>
      </c>
      <c r="G144" s="13">
        <v>5502776</v>
      </c>
      <c r="H144" s="13">
        <v>0</v>
      </c>
      <c r="I144" s="13">
        <v>-5502776</v>
      </c>
      <c r="J144" s="12"/>
      <c r="K144" s="12"/>
    </row>
    <row r="145" spans="1:11" x14ac:dyDescent="0.25">
      <c r="A145" s="2" t="s">
        <v>273</v>
      </c>
      <c r="B145" s="4" t="s">
        <v>274</v>
      </c>
      <c r="C145" s="13">
        <v>0</v>
      </c>
      <c r="D145" s="13">
        <v>0</v>
      </c>
      <c r="E145" s="13">
        <v>0</v>
      </c>
      <c r="F145" s="13">
        <v>0</v>
      </c>
      <c r="G145" s="13">
        <v>0</v>
      </c>
      <c r="H145" s="13">
        <v>0</v>
      </c>
      <c r="I145" s="13">
        <v>0</v>
      </c>
      <c r="J145" s="12"/>
      <c r="K145" s="12"/>
    </row>
    <row r="146" spans="1:11" x14ac:dyDescent="0.25">
      <c r="A146" s="2" t="s">
        <v>275</v>
      </c>
      <c r="B146" s="4" t="s">
        <v>276</v>
      </c>
      <c r="C146" s="13">
        <v>0</v>
      </c>
      <c r="D146" s="13">
        <v>0</v>
      </c>
      <c r="E146" s="13">
        <v>0</v>
      </c>
      <c r="F146" s="13">
        <v>0</v>
      </c>
      <c r="G146" s="13">
        <v>0</v>
      </c>
      <c r="H146" s="13">
        <v>0</v>
      </c>
      <c r="I146" s="13">
        <v>0</v>
      </c>
      <c r="J146" s="12"/>
      <c r="K146" s="12"/>
    </row>
    <row r="147" spans="1:11" x14ac:dyDescent="0.25">
      <c r="A147" s="2" t="s">
        <v>277</v>
      </c>
      <c r="B147" s="4" t="s">
        <v>278</v>
      </c>
      <c r="C147" s="13">
        <v>0</v>
      </c>
      <c r="D147" s="13">
        <v>0</v>
      </c>
      <c r="E147" s="13">
        <v>0</v>
      </c>
      <c r="F147" s="13">
        <v>0</v>
      </c>
      <c r="G147" s="13">
        <v>0</v>
      </c>
      <c r="H147" s="13">
        <v>0</v>
      </c>
      <c r="I147" s="13">
        <v>0</v>
      </c>
      <c r="J147" s="12"/>
      <c r="K147" s="12"/>
    </row>
    <row r="148" spans="1:11" x14ac:dyDescent="0.25">
      <c r="A148" s="2" t="s">
        <v>279</v>
      </c>
      <c r="B148" s="4" t="s">
        <v>280</v>
      </c>
      <c r="C148" s="13">
        <v>0</v>
      </c>
      <c r="D148" s="13">
        <v>0</v>
      </c>
      <c r="E148" s="13">
        <v>0</v>
      </c>
      <c r="F148" s="13">
        <v>0</v>
      </c>
      <c r="G148" s="13">
        <v>0</v>
      </c>
      <c r="H148" s="13">
        <v>0</v>
      </c>
      <c r="I148" s="13">
        <v>0</v>
      </c>
      <c r="J148" s="12"/>
      <c r="K148" s="12"/>
    </row>
    <row r="149" spans="1:11" x14ac:dyDescent="0.25">
      <c r="A149" s="3" t="s">
        <v>281</v>
      </c>
      <c r="B149" s="5" t="s">
        <v>282</v>
      </c>
      <c r="C149" s="11">
        <v>0</v>
      </c>
      <c r="D149" s="11">
        <v>0</v>
      </c>
      <c r="E149" s="11">
        <v>0</v>
      </c>
      <c r="F149" s="11">
        <v>0</v>
      </c>
      <c r="G149" s="11">
        <v>0</v>
      </c>
      <c r="H149" s="11">
        <v>0</v>
      </c>
      <c r="I149" s="11">
        <v>0</v>
      </c>
      <c r="J149" s="12"/>
      <c r="K149" s="12"/>
    </row>
    <row r="150" spans="1:11" x14ac:dyDescent="0.25">
      <c r="A150" s="2" t="s">
        <v>283</v>
      </c>
      <c r="B150" s="4" t="s">
        <v>284</v>
      </c>
      <c r="C150" s="13">
        <v>0</v>
      </c>
      <c r="D150" s="13">
        <v>0</v>
      </c>
      <c r="E150" s="13">
        <v>0</v>
      </c>
      <c r="F150" s="13">
        <v>0</v>
      </c>
      <c r="G150" s="13">
        <v>0</v>
      </c>
      <c r="H150" s="13">
        <v>0</v>
      </c>
      <c r="I150" s="13">
        <v>0</v>
      </c>
      <c r="J150" s="12"/>
      <c r="K150" s="12"/>
    </row>
    <row r="151" spans="1:11" x14ac:dyDescent="0.25">
      <c r="A151" s="2" t="s">
        <v>285</v>
      </c>
      <c r="B151" s="4" t="s">
        <v>286</v>
      </c>
      <c r="C151" s="13">
        <v>0</v>
      </c>
      <c r="D151" s="13">
        <v>0</v>
      </c>
      <c r="E151" s="13">
        <v>0</v>
      </c>
      <c r="F151" s="13">
        <v>0</v>
      </c>
      <c r="G151" s="13">
        <v>0</v>
      </c>
      <c r="H151" s="13">
        <v>0</v>
      </c>
      <c r="I151" s="13">
        <v>0</v>
      </c>
      <c r="J151" s="12"/>
      <c r="K151" s="12"/>
    </row>
    <row r="152" spans="1:11" x14ac:dyDescent="0.25">
      <c r="A152" s="2" t="s">
        <v>287</v>
      </c>
      <c r="B152" s="4" t="s">
        <v>288</v>
      </c>
      <c r="C152" s="13">
        <v>0</v>
      </c>
      <c r="D152" s="13">
        <v>0</v>
      </c>
      <c r="E152" s="13">
        <v>0</v>
      </c>
      <c r="F152" s="13">
        <v>0</v>
      </c>
      <c r="G152" s="13">
        <v>0</v>
      </c>
      <c r="H152" s="13">
        <v>0</v>
      </c>
      <c r="I152" s="13">
        <v>0</v>
      </c>
      <c r="J152" s="12"/>
      <c r="K152" s="12"/>
    </row>
    <row r="153" spans="1:11" x14ac:dyDescent="0.25">
      <c r="A153" s="2" t="s">
        <v>289</v>
      </c>
      <c r="B153" s="4" t="s">
        <v>290</v>
      </c>
      <c r="C153" s="13">
        <v>0</v>
      </c>
      <c r="D153" s="13">
        <v>0</v>
      </c>
      <c r="E153" s="13">
        <v>0</v>
      </c>
      <c r="F153" s="13">
        <v>0</v>
      </c>
      <c r="G153" s="13">
        <v>0</v>
      </c>
      <c r="H153" s="13">
        <v>0</v>
      </c>
      <c r="I153" s="13">
        <v>0</v>
      </c>
      <c r="J153" s="12"/>
      <c r="K153" s="12"/>
    </row>
    <row r="154" spans="1:11" x14ac:dyDescent="0.25">
      <c r="A154" s="2" t="s">
        <v>291</v>
      </c>
      <c r="B154" s="4" t="s">
        <v>292</v>
      </c>
      <c r="C154" s="13">
        <v>0</v>
      </c>
      <c r="D154" s="13">
        <v>0</v>
      </c>
      <c r="E154" s="13">
        <v>0</v>
      </c>
      <c r="F154" s="13">
        <v>0</v>
      </c>
      <c r="G154" s="13">
        <v>0</v>
      </c>
      <c r="H154" s="13">
        <v>0</v>
      </c>
      <c r="I154" s="13">
        <v>0</v>
      </c>
      <c r="J154" s="12"/>
      <c r="K154" s="12"/>
    </row>
    <row r="155" spans="1:11" x14ac:dyDescent="0.25">
      <c r="A155" s="2" t="s">
        <v>293</v>
      </c>
      <c r="B155" s="4" t="s">
        <v>294</v>
      </c>
      <c r="C155" s="13">
        <v>0</v>
      </c>
      <c r="D155" s="13">
        <v>0</v>
      </c>
      <c r="E155" s="13">
        <v>0</v>
      </c>
      <c r="F155" s="13">
        <v>0</v>
      </c>
      <c r="G155" s="13">
        <v>0</v>
      </c>
      <c r="H155" s="13">
        <v>0</v>
      </c>
      <c r="I155" s="13">
        <v>0</v>
      </c>
      <c r="J155" s="12"/>
      <c r="K155" s="12"/>
    </row>
    <row r="156" spans="1:11" x14ac:dyDescent="0.25">
      <c r="A156" s="2" t="s">
        <v>295</v>
      </c>
      <c r="B156" s="4" t="s">
        <v>296</v>
      </c>
      <c r="C156" s="13">
        <v>0</v>
      </c>
      <c r="D156" s="13">
        <v>0</v>
      </c>
      <c r="E156" s="13">
        <v>0</v>
      </c>
      <c r="F156" s="13">
        <v>0</v>
      </c>
      <c r="G156" s="13">
        <v>0</v>
      </c>
      <c r="H156" s="13">
        <v>0</v>
      </c>
      <c r="I156" s="13">
        <v>0</v>
      </c>
      <c r="J156" s="12"/>
      <c r="K156" s="12"/>
    </row>
    <row r="157" spans="1:11" x14ac:dyDescent="0.25">
      <c r="A157" s="3" t="s">
        <v>297</v>
      </c>
      <c r="B157" s="5" t="s">
        <v>298</v>
      </c>
      <c r="C157" s="11">
        <v>420215500</v>
      </c>
      <c r="D157" s="11">
        <v>420215500</v>
      </c>
      <c r="E157" s="11">
        <v>3174725.35</v>
      </c>
      <c r="F157" s="11">
        <v>0.76</v>
      </c>
      <c r="G157" s="11">
        <v>6503125.3099999996</v>
      </c>
      <c r="H157" s="11">
        <v>1.55</v>
      </c>
      <c r="I157" s="11">
        <v>413712374.69</v>
      </c>
      <c r="J157" s="12"/>
      <c r="K157" s="12"/>
    </row>
    <row r="158" spans="1:11" x14ac:dyDescent="0.25">
      <c r="A158" s="2" t="s">
        <v>299</v>
      </c>
      <c r="B158" s="4" t="s">
        <v>300</v>
      </c>
      <c r="C158" s="13">
        <v>0</v>
      </c>
      <c r="D158" s="13">
        <v>0</v>
      </c>
      <c r="E158" s="13">
        <v>0</v>
      </c>
      <c r="F158" s="13">
        <v>0</v>
      </c>
      <c r="G158" s="13">
        <v>0</v>
      </c>
      <c r="H158" s="13">
        <v>0</v>
      </c>
      <c r="I158" s="13">
        <v>0</v>
      </c>
      <c r="J158" s="12"/>
      <c r="K158" s="12"/>
    </row>
    <row r="159" spans="1:11" x14ac:dyDescent="0.25">
      <c r="A159" s="2" t="s">
        <v>301</v>
      </c>
      <c r="B159" s="4" t="s">
        <v>302</v>
      </c>
      <c r="C159" s="13">
        <v>10500000</v>
      </c>
      <c r="D159" s="13">
        <v>10500000</v>
      </c>
      <c r="E159" s="13">
        <v>3174725.35</v>
      </c>
      <c r="F159" s="13">
        <v>30.24</v>
      </c>
      <c r="G159" s="13">
        <v>6503125.3099999996</v>
      </c>
      <c r="H159" s="13">
        <v>61.93</v>
      </c>
      <c r="I159" s="13">
        <v>3996874.69</v>
      </c>
      <c r="J159" s="12"/>
      <c r="K159" s="12"/>
    </row>
    <row r="160" spans="1:11" x14ac:dyDescent="0.25">
      <c r="A160" s="2" t="s">
        <v>303</v>
      </c>
      <c r="B160" s="4" t="s">
        <v>304</v>
      </c>
      <c r="C160" s="13">
        <v>0</v>
      </c>
      <c r="D160" s="13">
        <v>0</v>
      </c>
      <c r="E160" s="13">
        <v>0</v>
      </c>
      <c r="F160" s="13">
        <v>0</v>
      </c>
      <c r="G160" s="13">
        <v>0</v>
      </c>
      <c r="H160" s="13">
        <v>0</v>
      </c>
      <c r="I160" s="13">
        <v>0</v>
      </c>
      <c r="J160" s="12"/>
      <c r="K160" s="12"/>
    </row>
    <row r="161" spans="1:11" x14ac:dyDescent="0.25">
      <c r="A161" s="2" t="s">
        <v>305</v>
      </c>
      <c r="B161" s="4" t="s">
        <v>306</v>
      </c>
      <c r="C161" s="13">
        <v>0</v>
      </c>
      <c r="D161" s="13">
        <v>0</v>
      </c>
      <c r="E161" s="13">
        <v>0</v>
      </c>
      <c r="F161" s="13">
        <v>0</v>
      </c>
      <c r="G161" s="13">
        <v>0</v>
      </c>
      <c r="H161" s="13">
        <v>0</v>
      </c>
      <c r="I161" s="13">
        <v>0</v>
      </c>
      <c r="J161" s="12"/>
      <c r="K161" s="12"/>
    </row>
    <row r="162" spans="1:11" x14ac:dyDescent="0.25">
      <c r="A162" s="2" t="s">
        <v>307</v>
      </c>
      <c r="B162" s="4" t="s">
        <v>308</v>
      </c>
      <c r="C162" s="13">
        <v>409715500</v>
      </c>
      <c r="D162" s="13">
        <v>409715500</v>
      </c>
      <c r="E162" s="13">
        <v>0</v>
      </c>
      <c r="F162" s="13">
        <v>0</v>
      </c>
      <c r="G162" s="13">
        <v>0</v>
      </c>
      <c r="H162" s="13">
        <v>0</v>
      </c>
      <c r="I162" s="13">
        <v>409715500</v>
      </c>
      <c r="J162" s="12"/>
      <c r="K162" s="12"/>
    </row>
    <row r="163" spans="1:11" x14ac:dyDescent="0.25">
      <c r="A163" s="3" t="s">
        <v>309</v>
      </c>
      <c r="B163" s="5" t="s">
        <v>310</v>
      </c>
      <c r="C163" s="11">
        <v>0</v>
      </c>
      <c r="D163" s="11">
        <v>0</v>
      </c>
      <c r="E163" s="11">
        <v>0</v>
      </c>
      <c r="F163" s="11">
        <v>0</v>
      </c>
      <c r="G163" s="11">
        <v>0</v>
      </c>
      <c r="H163" s="11">
        <v>0</v>
      </c>
      <c r="I163" s="11">
        <v>0</v>
      </c>
      <c r="J163" s="12"/>
      <c r="K163" s="12"/>
    </row>
    <row r="164" spans="1:11" x14ac:dyDescent="0.25">
      <c r="A164" s="3" t="s">
        <v>311</v>
      </c>
      <c r="B164" s="5" t="s">
        <v>312</v>
      </c>
      <c r="C164" s="11">
        <v>0</v>
      </c>
      <c r="D164" s="11">
        <v>0</v>
      </c>
      <c r="E164" s="11">
        <v>0</v>
      </c>
      <c r="F164" s="11">
        <v>0</v>
      </c>
      <c r="G164" s="11">
        <v>0</v>
      </c>
      <c r="H164" s="11">
        <v>0</v>
      </c>
      <c r="I164" s="11">
        <v>0</v>
      </c>
      <c r="J164" s="12"/>
      <c r="K164" s="12"/>
    </row>
    <row r="165" spans="1:11" x14ac:dyDescent="0.25">
      <c r="A165" s="2" t="s">
        <v>313</v>
      </c>
      <c r="B165" s="4" t="s">
        <v>314</v>
      </c>
      <c r="C165" s="13">
        <v>0</v>
      </c>
      <c r="D165" s="13">
        <v>0</v>
      </c>
      <c r="E165" s="13">
        <v>0</v>
      </c>
      <c r="F165" s="13">
        <v>0</v>
      </c>
      <c r="G165" s="13">
        <v>0</v>
      </c>
      <c r="H165" s="13">
        <v>0</v>
      </c>
      <c r="I165" s="13">
        <v>0</v>
      </c>
      <c r="J165" s="12"/>
      <c r="K165" s="12"/>
    </row>
    <row r="166" spans="1:11" x14ac:dyDescent="0.25">
      <c r="A166" s="2" t="s">
        <v>315</v>
      </c>
      <c r="B166" s="4" t="s">
        <v>316</v>
      </c>
      <c r="C166" s="13">
        <v>0</v>
      </c>
      <c r="D166" s="13">
        <v>0</v>
      </c>
      <c r="E166" s="13">
        <v>0</v>
      </c>
      <c r="F166" s="13">
        <v>0</v>
      </c>
      <c r="G166" s="13">
        <v>0</v>
      </c>
      <c r="H166" s="13">
        <v>0</v>
      </c>
      <c r="I166" s="13">
        <v>0</v>
      </c>
      <c r="J166" s="12"/>
      <c r="K166" s="12"/>
    </row>
    <row r="167" spans="1:11" x14ac:dyDescent="0.25">
      <c r="A167" s="3" t="s">
        <v>317</v>
      </c>
      <c r="B167" s="5" t="s">
        <v>318</v>
      </c>
      <c r="C167" s="11">
        <v>0</v>
      </c>
      <c r="D167" s="11">
        <v>0</v>
      </c>
      <c r="E167" s="11">
        <v>0</v>
      </c>
      <c r="F167" s="11">
        <v>0</v>
      </c>
      <c r="G167" s="11">
        <v>0</v>
      </c>
      <c r="H167" s="11">
        <v>0</v>
      </c>
      <c r="I167" s="11">
        <v>0</v>
      </c>
      <c r="J167" s="12"/>
      <c r="K167" s="12"/>
    </row>
    <row r="168" spans="1:11" x14ac:dyDescent="0.25">
      <c r="A168" s="2" t="s">
        <v>319</v>
      </c>
      <c r="B168" s="4" t="s">
        <v>320</v>
      </c>
      <c r="C168" s="13">
        <v>0</v>
      </c>
      <c r="D168" s="13">
        <v>0</v>
      </c>
      <c r="E168" s="13">
        <v>0</v>
      </c>
      <c r="F168" s="13">
        <v>0</v>
      </c>
      <c r="G168" s="13">
        <v>0</v>
      </c>
      <c r="H168" s="13">
        <v>0</v>
      </c>
      <c r="I168" s="13">
        <v>0</v>
      </c>
      <c r="J168" s="12"/>
      <c r="K168" s="12"/>
    </row>
    <row r="169" spans="1:11" x14ac:dyDescent="0.25">
      <c r="A169" s="2" t="s">
        <v>321</v>
      </c>
      <c r="B169" s="4" t="s">
        <v>322</v>
      </c>
      <c r="C169" s="13">
        <v>0</v>
      </c>
      <c r="D169" s="13">
        <v>0</v>
      </c>
      <c r="E169" s="13">
        <v>0</v>
      </c>
      <c r="F169" s="13">
        <v>0</v>
      </c>
      <c r="G169" s="13">
        <v>0</v>
      </c>
      <c r="H169" s="13">
        <v>0</v>
      </c>
      <c r="I169" s="13">
        <v>0</v>
      </c>
      <c r="J169" s="12"/>
      <c r="K169" s="12"/>
    </row>
    <row r="170" spans="1:11" x14ac:dyDescent="0.25">
      <c r="A170" s="2" t="s">
        <v>323</v>
      </c>
      <c r="B170" s="4" t="s">
        <v>324</v>
      </c>
      <c r="C170" s="13">
        <v>0</v>
      </c>
      <c r="D170" s="13">
        <v>0</v>
      </c>
      <c r="E170" s="13">
        <v>0</v>
      </c>
      <c r="F170" s="13">
        <v>0</v>
      </c>
      <c r="G170" s="13">
        <v>0</v>
      </c>
      <c r="H170" s="13">
        <v>0</v>
      </c>
      <c r="I170" s="13">
        <v>0</v>
      </c>
      <c r="J170" s="12"/>
      <c r="K170" s="12"/>
    </row>
    <row r="171" spans="1:11" x14ac:dyDescent="0.25">
      <c r="A171" s="2" t="s">
        <v>325</v>
      </c>
      <c r="B171" s="4" t="s">
        <v>326</v>
      </c>
      <c r="C171" s="13">
        <v>0</v>
      </c>
      <c r="D171" s="13">
        <v>0</v>
      </c>
      <c r="E171" s="13">
        <v>0</v>
      </c>
      <c r="F171" s="13">
        <v>0</v>
      </c>
      <c r="G171" s="13">
        <v>0</v>
      </c>
      <c r="H171" s="13">
        <v>0</v>
      </c>
      <c r="I171" s="13">
        <v>0</v>
      </c>
      <c r="J171" s="12"/>
      <c r="K171" s="12"/>
    </row>
    <row r="172" spans="1:11" x14ac:dyDescent="0.25">
      <c r="A172" s="3" t="s">
        <v>327</v>
      </c>
      <c r="B172" s="5" t="s">
        <v>328</v>
      </c>
      <c r="C172" s="11">
        <v>0</v>
      </c>
      <c r="D172" s="11">
        <v>0</v>
      </c>
      <c r="E172" s="11">
        <v>0</v>
      </c>
      <c r="F172" s="11">
        <v>0</v>
      </c>
      <c r="G172" s="11">
        <v>0</v>
      </c>
      <c r="H172" s="11">
        <v>0</v>
      </c>
      <c r="I172" s="11">
        <v>0</v>
      </c>
      <c r="J172" s="12"/>
      <c r="K172" s="12"/>
    </row>
    <row r="173" spans="1:11" x14ac:dyDescent="0.25">
      <c r="A173" s="2" t="s">
        <v>329</v>
      </c>
      <c r="B173" s="4" t="s">
        <v>284</v>
      </c>
      <c r="C173" s="13">
        <v>0</v>
      </c>
      <c r="D173" s="13">
        <v>0</v>
      </c>
      <c r="E173" s="13">
        <v>0</v>
      </c>
      <c r="F173" s="13">
        <v>0</v>
      </c>
      <c r="G173" s="13">
        <v>0</v>
      </c>
      <c r="H173" s="13">
        <v>0</v>
      </c>
      <c r="I173" s="13">
        <v>0</v>
      </c>
      <c r="J173" s="12"/>
      <c r="K173" s="12"/>
    </row>
    <row r="174" spans="1:11" x14ac:dyDescent="0.25">
      <c r="A174" s="2" t="s">
        <v>330</v>
      </c>
      <c r="B174" s="4" t="s">
        <v>286</v>
      </c>
      <c r="C174" s="13">
        <v>0</v>
      </c>
      <c r="D174" s="13">
        <v>0</v>
      </c>
      <c r="E174" s="13">
        <v>0</v>
      </c>
      <c r="F174" s="13">
        <v>0</v>
      </c>
      <c r="G174" s="13">
        <v>0</v>
      </c>
      <c r="H174" s="13">
        <v>0</v>
      </c>
      <c r="I174" s="13">
        <v>0</v>
      </c>
      <c r="J174" s="12"/>
      <c r="K174" s="12"/>
    </row>
    <row r="175" spans="1:11" x14ac:dyDescent="0.25">
      <c r="A175" s="2" t="s">
        <v>331</v>
      </c>
      <c r="B175" s="4" t="s">
        <v>288</v>
      </c>
      <c r="C175" s="13">
        <v>0</v>
      </c>
      <c r="D175" s="13">
        <v>0</v>
      </c>
      <c r="E175" s="13">
        <v>0</v>
      </c>
      <c r="F175" s="13">
        <v>0</v>
      </c>
      <c r="G175" s="13">
        <v>0</v>
      </c>
      <c r="H175" s="13">
        <v>0</v>
      </c>
      <c r="I175" s="13">
        <v>0</v>
      </c>
      <c r="J175" s="12"/>
      <c r="K175" s="12"/>
    </row>
    <row r="176" spans="1:11" x14ac:dyDescent="0.25">
      <c r="A176" s="2" t="s">
        <v>332</v>
      </c>
      <c r="B176" s="4" t="s">
        <v>290</v>
      </c>
      <c r="C176" s="13">
        <v>0</v>
      </c>
      <c r="D176" s="13">
        <v>0</v>
      </c>
      <c r="E176" s="13">
        <v>0</v>
      </c>
      <c r="F176" s="13">
        <v>0</v>
      </c>
      <c r="G176" s="13">
        <v>0</v>
      </c>
      <c r="H176" s="13">
        <v>0</v>
      </c>
      <c r="I176" s="13">
        <v>0</v>
      </c>
      <c r="J176" s="12"/>
      <c r="K176" s="12"/>
    </row>
    <row r="177" spans="1:11" x14ac:dyDescent="0.25">
      <c r="A177" s="2" t="s">
        <v>333</v>
      </c>
      <c r="B177" s="4" t="s">
        <v>292</v>
      </c>
      <c r="C177" s="13">
        <v>0</v>
      </c>
      <c r="D177" s="13">
        <v>0</v>
      </c>
      <c r="E177" s="13">
        <v>0</v>
      </c>
      <c r="F177" s="13">
        <v>0</v>
      </c>
      <c r="G177" s="13">
        <v>0</v>
      </c>
      <c r="H177" s="13">
        <v>0</v>
      </c>
      <c r="I177" s="13">
        <v>0</v>
      </c>
      <c r="J177" s="12"/>
      <c r="K177" s="12"/>
    </row>
    <row r="178" spans="1:11" x14ac:dyDescent="0.25">
      <c r="A178" s="2" t="s">
        <v>334</v>
      </c>
      <c r="B178" s="4" t="s">
        <v>294</v>
      </c>
      <c r="C178" s="13">
        <v>0</v>
      </c>
      <c r="D178" s="13">
        <v>0</v>
      </c>
      <c r="E178" s="13">
        <v>0</v>
      </c>
      <c r="F178" s="13">
        <v>0</v>
      </c>
      <c r="G178" s="13">
        <v>0</v>
      </c>
      <c r="H178" s="13">
        <v>0</v>
      </c>
      <c r="I178" s="13">
        <v>0</v>
      </c>
      <c r="J178" s="12"/>
      <c r="K178" s="12"/>
    </row>
    <row r="179" spans="1:11" x14ac:dyDescent="0.25">
      <c r="A179" s="2" t="s">
        <v>335</v>
      </c>
      <c r="B179" s="4" t="s">
        <v>336</v>
      </c>
      <c r="C179" s="13">
        <v>0</v>
      </c>
      <c r="D179" s="13">
        <v>0</v>
      </c>
      <c r="E179" s="13">
        <v>0</v>
      </c>
      <c r="F179" s="13">
        <v>0</v>
      </c>
      <c r="G179" s="13">
        <v>0</v>
      </c>
      <c r="H179" s="13">
        <v>0</v>
      </c>
      <c r="I179" s="13">
        <v>0</v>
      </c>
      <c r="J179" s="12"/>
      <c r="K179" s="12"/>
    </row>
    <row r="180" spans="1:11" x14ac:dyDescent="0.25">
      <c r="A180" s="2" t="s">
        <v>337</v>
      </c>
      <c r="B180" s="4" t="s">
        <v>338</v>
      </c>
      <c r="C180" s="13">
        <v>0</v>
      </c>
      <c r="D180" s="13">
        <v>0</v>
      </c>
      <c r="E180" s="13">
        <v>0</v>
      </c>
      <c r="F180" s="13">
        <v>0</v>
      </c>
      <c r="G180" s="13">
        <v>0</v>
      </c>
      <c r="H180" s="13">
        <v>0</v>
      </c>
      <c r="I180" s="13">
        <v>0</v>
      </c>
      <c r="J180" s="12"/>
      <c r="K180" s="12"/>
    </row>
    <row r="181" spans="1:11" x14ac:dyDescent="0.25">
      <c r="A181" s="3" t="s">
        <v>339</v>
      </c>
      <c r="B181" s="5" t="s">
        <v>340</v>
      </c>
      <c r="C181" s="11">
        <v>0</v>
      </c>
      <c r="D181" s="11">
        <v>0</v>
      </c>
      <c r="E181" s="11">
        <v>0</v>
      </c>
      <c r="F181" s="11">
        <v>0</v>
      </c>
      <c r="G181" s="11">
        <v>0</v>
      </c>
      <c r="H181" s="11">
        <v>0</v>
      </c>
      <c r="I181" s="11">
        <v>0</v>
      </c>
      <c r="J181" s="12"/>
      <c r="K181" s="12"/>
    </row>
    <row r="182" spans="1:11" x14ac:dyDescent="0.25">
      <c r="A182" s="2" t="s">
        <v>341</v>
      </c>
      <c r="B182" s="4" t="s">
        <v>342</v>
      </c>
      <c r="C182" s="13">
        <v>0</v>
      </c>
      <c r="D182" s="13">
        <v>0</v>
      </c>
      <c r="E182" s="13">
        <v>0</v>
      </c>
      <c r="F182" s="13">
        <v>0</v>
      </c>
      <c r="G182" s="13">
        <v>0</v>
      </c>
      <c r="H182" s="13">
        <v>0</v>
      </c>
      <c r="I182" s="13">
        <v>0</v>
      </c>
      <c r="J182" s="12"/>
      <c r="K182" s="12"/>
    </row>
    <row r="183" spans="1:11" x14ac:dyDescent="0.25">
      <c r="A183" s="2" t="s">
        <v>343</v>
      </c>
      <c r="B183" s="4" t="s">
        <v>344</v>
      </c>
      <c r="C183" s="13">
        <v>0</v>
      </c>
      <c r="D183" s="13">
        <v>0</v>
      </c>
      <c r="E183" s="13">
        <v>0</v>
      </c>
      <c r="F183" s="13">
        <v>0</v>
      </c>
      <c r="G183" s="13">
        <v>0</v>
      </c>
      <c r="H183" s="13">
        <v>0</v>
      </c>
      <c r="I183" s="13">
        <v>0</v>
      </c>
      <c r="J183" s="12"/>
      <c r="K183" s="12"/>
    </row>
    <row r="184" spans="1:11" x14ac:dyDescent="0.25">
      <c r="A184" s="2" t="s">
        <v>345</v>
      </c>
      <c r="B184" s="4" t="s">
        <v>346</v>
      </c>
      <c r="C184" s="13">
        <v>0</v>
      </c>
      <c r="D184" s="13">
        <v>0</v>
      </c>
      <c r="E184" s="13">
        <v>0</v>
      </c>
      <c r="F184" s="13">
        <v>0</v>
      </c>
      <c r="G184" s="13">
        <v>0</v>
      </c>
      <c r="H184" s="13">
        <v>0</v>
      </c>
      <c r="I184" s="13">
        <v>0</v>
      </c>
      <c r="J184" s="12"/>
      <c r="K184" s="12"/>
    </row>
    <row r="185" spans="1:11" x14ac:dyDescent="0.25">
      <c r="A185" s="2" t="s">
        <v>347</v>
      </c>
      <c r="B185" s="4" t="s">
        <v>348</v>
      </c>
      <c r="C185" s="13">
        <v>0</v>
      </c>
      <c r="D185" s="13">
        <v>0</v>
      </c>
      <c r="E185" s="13">
        <v>0</v>
      </c>
      <c r="F185" s="13">
        <v>0</v>
      </c>
      <c r="G185" s="13">
        <v>0</v>
      </c>
      <c r="H185" s="13">
        <v>0</v>
      </c>
      <c r="I185" s="13">
        <v>0</v>
      </c>
      <c r="J185" s="12"/>
      <c r="K185" s="12"/>
    </row>
    <row r="186" spans="1:11" x14ac:dyDescent="0.25">
      <c r="C186" s="12"/>
      <c r="D186" s="12"/>
      <c r="E186" s="12"/>
      <c r="F186" s="12"/>
      <c r="G186" s="12"/>
      <c r="H186" s="12"/>
      <c r="I186" s="12"/>
      <c r="J186" s="12"/>
      <c r="K186" s="12"/>
    </row>
    <row r="187" spans="1:11" x14ac:dyDescent="0.25">
      <c r="A187" s="10" t="s">
        <v>6</v>
      </c>
      <c r="B187" s="10" t="s">
        <v>349</v>
      </c>
      <c r="C187" s="14" t="s">
        <v>168</v>
      </c>
      <c r="D187" s="14" t="s">
        <v>169</v>
      </c>
      <c r="E187" s="14" t="s">
        <v>170</v>
      </c>
      <c r="F187" s="14" t="s">
        <v>7</v>
      </c>
      <c r="G187" s="14" t="s">
        <v>173</v>
      </c>
      <c r="H187" s="14" t="s">
        <v>174</v>
      </c>
      <c r="I187" s="14" t="s">
        <v>7</v>
      </c>
      <c r="J187" s="14" t="s">
        <v>176</v>
      </c>
      <c r="K187" s="14" t="s">
        <v>177</v>
      </c>
    </row>
    <row r="188" spans="1:11" ht="21" x14ac:dyDescent="0.25">
      <c r="A188" s="10" t="s">
        <v>7</v>
      </c>
      <c r="B188" s="10" t="s">
        <v>7</v>
      </c>
      <c r="C188" s="14" t="s">
        <v>7</v>
      </c>
      <c r="D188" s="14" t="s">
        <v>7</v>
      </c>
      <c r="E188" s="15" t="s">
        <v>171</v>
      </c>
      <c r="F188" s="15" t="s">
        <v>172</v>
      </c>
      <c r="G188" s="14" t="s">
        <v>7</v>
      </c>
      <c r="H188" s="15" t="s">
        <v>171</v>
      </c>
      <c r="I188" s="15" t="s">
        <v>175</v>
      </c>
      <c r="J188" s="14" t="s">
        <v>7</v>
      </c>
      <c r="K188" s="14" t="s">
        <v>7</v>
      </c>
    </row>
    <row r="189" spans="1:11" x14ac:dyDescent="0.25">
      <c r="A189" s="3" t="s">
        <v>350</v>
      </c>
      <c r="B189" s="5" t="s">
        <v>351</v>
      </c>
      <c r="C189" s="11">
        <v>1852116800</v>
      </c>
      <c r="D189" s="11">
        <v>1704965476.3199999</v>
      </c>
      <c r="E189" s="11">
        <v>330762304.02999997</v>
      </c>
      <c r="F189" s="11">
        <v>1252912115.5699999</v>
      </c>
      <c r="G189" s="11">
        <v>452053360.75</v>
      </c>
      <c r="H189" s="11">
        <v>386283137.22000003</v>
      </c>
      <c r="I189" s="11">
        <v>1123500873.8299999</v>
      </c>
      <c r="J189" s="11">
        <v>581464602.49000001</v>
      </c>
      <c r="K189" s="11">
        <v>1038608538.8200001</v>
      </c>
    </row>
    <row r="190" spans="1:11" x14ac:dyDescent="0.25">
      <c r="A190" s="3" t="s">
        <v>352</v>
      </c>
      <c r="B190" s="5" t="s">
        <v>353</v>
      </c>
      <c r="C190" s="11">
        <v>1852116800</v>
      </c>
      <c r="D190" s="11">
        <v>1704965476.3199999</v>
      </c>
      <c r="E190" s="11">
        <v>330762304.02999997</v>
      </c>
      <c r="F190" s="11">
        <v>1252912115.5699999</v>
      </c>
      <c r="G190" s="11">
        <v>452053360.75</v>
      </c>
      <c r="H190" s="11">
        <v>386283137.22000003</v>
      </c>
      <c r="I190" s="11">
        <v>1123500873.8299999</v>
      </c>
      <c r="J190" s="11">
        <v>581464602.49000001</v>
      </c>
      <c r="K190" s="11">
        <v>1038608538.8200001</v>
      </c>
    </row>
    <row r="191" spans="1:11" x14ac:dyDescent="0.25">
      <c r="A191" s="2" t="s">
        <v>354</v>
      </c>
      <c r="B191" s="4" t="s">
        <v>355</v>
      </c>
      <c r="C191" s="13">
        <v>1754307200</v>
      </c>
      <c r="D191" s="13">
        <v>1603806476.3199999</v>
      </c>
      <c r="E191" s="13">
        <v>326593492.85000002</v>
      </c>
      <c r="F191" s="13">
        <v>1161794554.7</v>
      </c>
      <c r="G191" s="13">
        <v>442011921.62</v>
      </c>
      <c r="H191" s="13">
        <v>365915347.33999997</v>
      </c>
      <c r="I191" s="13">
        <v>1071185589.67</v>
      </c>
      <c r="J191" s="13">
        <v>532620886.64999998</v>
      </c>
      <c r="K191" s="13">
        <v>989160271.02999997</v>
      </c>
    </row>
    <row r="192" spans="1:11" x14ac:dyDescent="0.25">
      <c r="A192" s="2" t="s">
        <v>356</v>
      </c>
      <c r="B192" s="4" t="s">
        <v>357</v>
      </c>
      <c r="C192" s="13">
        <v>0</v>
      </c>
      <c r="D192" s="13">
        <v>0</v>
      </c>
      <c r="E192" s="13">
        <v>0</v>
      </c>
      <c r="F192" s="13">
        <v>0</v>
      </c>
      <c r="G192" s="13">
        <v>0</v>
      </c>
      <c r="H192" s="13">
        <v>0</v>
      </c>
      <c r="I192" s="13">
        <v>0</v>
      </c>
      <c r="J192" s="13">
        <v>0</v>
      </c>
      <c r="K192" s="13">
        <v>0</v>
      </c>
    </row>
    <row r="193" spans="1:11" x14ac:dyDescent="0.25">
      <c r="A193" s="2" t="s">
        <v>358</v>
      </c>
      <c r="B193" s="4" t="s">
        <v>359</v>
      </c>
      <c r="C193" s="13">
        <v>97809600</v>
      </c>
      <c r="D193" s="13">
        <v>101159000</v>
      </c>
      <c r="E193" s="13">
        <v>4168811.18</v>
      </c>
      <c r="F193" s="13">
        <v>91117560.870000005</v>
      </c>
      <c r="G193" s="13">
        <v>10041439.130000001</v>
      </c>
      <c r="H193" s="13">
        <v>20367789.879999999</v>
      </c>
      <c r="I193" s="13">
        <v>52315284.159999996</v>
      </c>
      <c r="J193" s="13">
        <v>48843715.840000004</v>
      </c>
      <c r="K193" s="13">
        <v>49448267.789999999</v>
      </c>
    </row>
    <row r="194" spans="1:11" x14ac:dyDescent="0.25">
      <c r="A194" s="3" t="s">
        <v>360</v>
      </c>
      <c r="B194" s="5" t="s">
        <v>361</v>
      </c>
      <c r="C194" s="11">
        <v>0</v>
      </c>
      <c r="D194" s="11">
        <v>0</v>
      </c>
      <c r="E194" s="11">
        <v>0</v>
      </c>
      <c r="F194" s="11">
        <v>0</v>
      </c>
      <c r="G194" s="11">
        <v>0</v>
      </c>
      <c r="H194" s="11">
        <v>0</v>
      </c>
      <c r="I194" s="11">
        <v>0</v>
      </c>
      <c r="J194" s="11">
        <v>0</v>
      </c>
      <c r="K194" s="11">
        <v>0</v>
      </c>
    </row>
    <row r="195" spans="1:11" x14ac:dyDescent="0.25">
      <c r="A195" s="2" t="s">
        <v>362</v>
      </c>
      <c r="B195" s="4" t="s">
        <v>363</v>
      </c>
      <c r="C195" s="13">
        <v>0</v>
      </c>
      <c r="D195" s="13">
        <v>0</v>
      </c>
      <c r="E195" s="13">
        <v>0</v>
      </c>
      <c r="F195" s="13">
        <v>0</v>
      </c>
      <c r="G195" s="13">
        <v>0</v>
      </c>
      <c r="H195" s="13">
        <v>0</v>
      </c>
      <c r="I195" s="13">
        <v>0</v>
      </c>
      <c r="J195" s="13">
        <v>0</v>
      </c>
      <c r="K195" s="13">
        <v>0</v>
      </c>
    </row>
    <row r="196" spans="1:11" x14ac:dyDescent="0.25">
      <c r="A196" s="2" t="s">
        <v>364</v>
      </c>
      <c r="B196" s="4" t="s">
        <v>365</v>
      </c>
      <c r="C196" s="13">
        <v>0</v>
      </c>
      <c r="D196" s="13">
        <v>0</v>
      </c>
      <c r="E196" s="13">
        <v>0</v>
      </c>
      <c r="F196" s="13">
        <v>0</v>
      </c>
      <c r="G196" s="13">
        <v>0</v>
      </c>
      <c r="H196" s="13">
        <v>0</v>
      </c>
      <c r="I196" s="13">
        <v>0</v>
      </c>
      <c r="J196" s="13">
        <v>0</v>
      </c>
      <c r="K196" s="13">
        <v>0</v>
      </c>
    </row>
    <row r="197" spans="1:11" x14ac:dyDescent="0.25">
      <c r="A197" s="2" t="s">
        <v>366</v>
      </c>
      <c r="B197" s="4" t="s">
        <v>367</v>
      </c>
      <c r="C197" s="13">
        <v>0</v>
      </c>
      <c r="D197" s="13">
        <v>0</v>
      </c>
      <c r="E197" s="13">
        <v>0</v>
      </c>
      <c r="F197" s="13">
        <v>0</v>
      </c>
      <c r="G197" s="13">
        <v>0</v>
      </c>
      <c r="H197" s="13">
        <v>0</v>
      </c>
      <c r="I197" s="13">
        <v>0</v>
      </c>
      <c r="J197" s="13">
        <v>0</v>
      </c>
      <c r="K197" s="13">
        <v>0</v>
      </c>
    </row>
    <row r="198" spans="1:11" x14ac:dyDescent="0.25">
      <c r="A198" s="2" t="s">
        <v>368</v>
      </c>
      <c r="B198" s="4" t="s">
        <v>369</v>
      </c>
      <c r="C198" s="13">
        <v>0</v>
      </c>
      <c r="D198" s="13">
        <v>0</v>
      </c>
      <c r="E198" s="13">
        <v>0</v>
      </c>
      <c r="F198" s="13">
        <v>0</v>
      </c>
      <c r="G198" s="13">
        <v>0</v>
      </c>
      <c r="H198" s="13">
        <v>0</v>
      </c>
      <c r="I198" s="13">
        <v>0</v>
      </c>
      <c r="J198" s="13">
        <v>0</v>
      </c>
      <c r="K198" s="13">
        <v>0</v>
      </c>
    </row>
  </sheetData>
  <mergeCells count="36">
    <mergeCell ref="G187:G188"/>
    <mergeCell ref="H187:I187"/>
    <mergeCell ref="J187:J188"/>
    <mergeCell ref="K187:K188"/>
    <mergeCell ref="A187:A188"/>
    <mergeCell ref="B187:B188"/>
    <mergeCell ref="C187:C188"/>
    <mergeCell ref="D187:D188"/>
    <mergeCell ref="E187:F187"/>
    <mergeCell ref="G92:G93"/>
    <mergeCell ref="H92:I92"/>
    <mergeCell ref="J92:J93"/>
    <mergeCell ref="K92:K93"/>
    <mergeCell ref="A120:A121"/>
    <mergeCell ref="B120:B121"/>
    <mergeCell ref="C120:C121"/>
    <mergeCell ref="D120:D121"/>
    <mergeCell ref="E120:H120"/>
    <mergeCell ref="I120:I121"/>
    <mergeCell ref="A92:A93"/>
    <mergeCell ref="B92:B93"/>
    <mergeCell ref="C92:C93"/>
    <mergeCell ref="D92:D93"/>
    <mergeCell ref="E92:F92"/>
    <mergeCell ref="A9:K9"/>
    <mergeCell ref="A10:A11"/>
    <mergeCell ref="B10:B11"/>
    <mergeCell ref="C10:C11"/>
    <mergeCell ref="D10:D11"/>
    <mergeCell ref="E10:H10"/>
    <mergeCell ref="I10:I11"/>
    <mergeCell ref="A3:K3"/>
    <mergeCell ref="A4:K4"/>
    <mergeCell ref="A5:K5"/>
    <mergeCell ref="A6:K6"/>
    <mergeCell ref="A7:K7"/>
  </mergeCells>
  <pageMargins left="0.7" right="0.7" top="0.75" bottom="0.75" header="0.3" footer="0.3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L161"/>
  <sheetViews>
    <sheetView showGridLines="0" workbookViewId="0"/>
  </sheetViews>
  <sheetFormatPr defaultRowHeight="15" x14ac:dyDescent="0.25"/>
  <cols>
    <col min="1" max="1" width="3.7109375" bestFit="1" customWidth="1"/>
    <col min="2" max="2" width="140.7109375" bestFit="1" customWidth="1"/>
    <col min="3" max="4" width="20.140625" bestFit="1" customWidth="1"/>
    <col min="5" max="5" width="19" bestFit="1" customWidth="1"/>
    <col min="6" max="6" width="13.5703125" bestFit="1" customWidth="1"/>
    <col min="7" max="7" width="17.28515625" bestFit="1" customWidth="1"/>
    <col min="8" max="8" width="12.140625" bestFit="1" customWidth="1"/>
    <col min="9" max="9" width="17.28515625" bestFit="1" customWidth="1"/>
    <col min="10" max="10" width="11.85546875" bestFit="1" customWidth="1"/>
    <col min="11" max="12" width="9.28515625" bestFit="1" customWidth="1"/>
  </cols>
  <sheetData>
    <row r="3" spans="1:12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</row>
    <row r="4" spans="1:12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</row>
    <row r="5" spans="1:12" x14ac:dyDescent="0.25">
      <c r="A5" s="8" t="s">
        <v>1017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</row>
    <row r="6" spans="1:12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</row>
    <row r="7" spans="1:12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</row>
    <row r="9" spans="1:12" x14ac:dyDescent="0.25">
      <c r="A9" s="9" t="s">
        <v>1018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</row>
    <row r="10" spans="1:12" x14ac:dyDescent="0.25">
      <c r="A10" s="10" t="s">
        <v>6</v>
      </c>
      <c r="B10" s="10" t="s">
        <v>1019</v>
      </c>
      <c r="C10" s="10" t="s">
        <v>9</v>
      </c>
      <c r="D10" s="10" t="s">
        <v>10</v>
      </c>
      <c r="E10" s="10" t="s">
        <v>11</v>
      </c>
      <c r="F10" s="10" t="s">
        <v>11</v>
      </c>
    </row>
    <row r="11" spans="1:12" ht="21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" t="s">
        <v>411</v>
      </c>
      <c r="F11" s="1" t="s">
        <v>1020</v>
      </c>
    </row>
    <row r="12" spans="1:12" x14ac:dyDescent="0.25">
      <c r="A12" s="3" t="s">
        <v>17</v>
      </c>
      <c r="B12" s="5" t="s">
        <v>1021</v>
      </c>
      <c r="C12" s="11">
        <v>14363536100</v>
      </c>
      <c r="D12" s="11">
        <v>14363536100</v>
      </c>
      <c r="E12" s="11">
        <v>8266551474.1000004</v>
      </c>
      <c r="F12" s="11">
        <v>57.55</v>
      </c>
      <c r="G12" s="12"/>
      <c r="H12" s="12"/>
      <c r="I12" s="12"/>
      <c r="J12" s="12"/>
      <c r="K12" s="12"/>
      <c r="L12" s="12"/>
    </row>
    <row r="13" spans="1:12" x14ac:dyDescent="0.25">
      <c r="A13" s="3" t="s">
        <v>19</v>
      </c>
      <c r="B13" s="5" t="s">
        <v>1022</v>
      </c>
      <c r="C13" s="11">
        <v>12111311000</v>
      </c>
      <c r="D13" s="11">
        <v>12111311000</v>
      </c>
      <c r="E13" s="11">
        <v>6795759897.46</v>
      </c>
      <c r="F13" s="11">
        <v>56.11</v>
      </c>
      <c r="G13" s="12"/>
      <c r="H13" s="12"/>
      <c r="I13" s="12"/>
      <c r="J13" s="12"/>
      <c r="K13" s="12"/>
      <c r="L13" s="12"/>
    </row>
    <row r="14" spans="1:12" x14ac:dyDescent="0.25">
      <c r="A14" s="2" t="s">
        <v>21</v>
      </c>
      <c r="B14" s="4" t="s">
        <v>1023</v>
      </c>
      <c r="C14" s="13">
        <v>11809904900</v>
      </c>
      <c r="D14" s="13">
        <v>11809904900</v>
      </c>
      <c r="E14" s="13">
        <v>6687828700.2299995</v>
      </c>
      <c r="F14" s="13">
        <v>56.63</v>
      </c>
      <c r="G14" s="12"/>
      <c r="H14" s="12"/>
      <c r="I14" s="12"/>
      <c r="J14" s="12"/>
      <c r="K14" s="12"/>
      <c r="L14" s="12"/>
    </row>
    <row r="15" spans="1:12" x14ac:dyDescent="0.25">
      <c r="A15" s="2" t="s">
        <v>23</v>
      </c>
      <c r="B15" s="4" t="s">
        <v>1024</v>
      </c>
      <c r="C15" s="13">
        <v>185872000</v>
      </c>
      <c r="D15" s="13">
        <v>185872000</v>
      </c>
      <c r="E15" s="13">
        <v>60475094.130000003</v>
      </c>
      <c r="F15" s="13">
        <v>32.54</v>
      </c>
      <c r="G15" s="12"/>
      <c r="H15" s="12"/>
      <c r="I15" s="12"/>
      <c r="J15" s="12"/>
      <c r="K15" s="12"/>
      <c r="L15" s="12"/>
    </row>
    <row r="16" spans="1:12" x14ac:dyDescent="0.25">
      <c r="A16" s="2" t="s">
        <v>25</v>
      </c>
      <c r="B16" s="4" t="s">
        <v>1025</v>
      </c>
      <c r="C16" s="13">
        <v>115534100</v>
      </c>
      <c r="D16" s="13">
        <v>115534100</v>
      </c>
      <c r="E16" s="13">
        <v>47456103.100000001</v>
      </c>
      <c r="F16" s="13">
        <v>41.08</v>
      </c>
      <c r="G16" s="12"/>
      <c r="H16" s="12"/>
      <c r="I16" s="12"/>
      <c r="J16" s="12"/>
      <c r="K16" s="12"/>
      <c r="L16" s="12"/>
    </row>
    <row r="17" spans="1:12" x14ac:dyDescent="0.25">
      <c r="A17" s="3" t="s">
        <v>27</v>
      </c>
      <c r="B17" s="5" t="s">
        <v>1026</v>
      </c>
      <c r="C17" s="11">
        <v>295720100</v>
      </c>
      <c r="D17" s="11">
        <v>295720100</v>
      </c>
      <c r="E17" s="11">
        <v>185043405.28999999</v>
      </c>
      <c r="F17" s="11">
        <v>62.57</v>
      </c>
      <c r="G17" s="12"/>
      <c r="H17" s="12"/>
      <c r="I17" s="12"/>
      <c r="J17" s="12"/>
      <c r="K17" s="12"/>
      <c r="L17" s="12"/>
    </row>
    <row r="18" spans="1:12" x14ac:dyDescent="0.25">
      <c r="A18" s="2" t="s">
        <v>29</v>
      </c>
      <c r="B18" s="4" t="s">
        <v>1027</v>
      </c>
      <c r="C18" s="13">
        <v>295720100</v>
      </c>
      <c r="D18" s="13">
        <v>295720100</v>
      </c>
      <c r="E18" s="13">
        <v>183708899.88999999</v>
      </c>
      <c r="F18" s="13">
        <v>62.12</v>
      </c>
      <c r="G18" s="12"/>
      <c r="H18" s="12"/>
      <c r="I18" s="12"/>
      <c r="J18" s="12"/>
      <c r="K18" s="12"/>
      <c r="L18" s="12"/>
    </row>
    <row r="19" spans="1:12" x14ac:dyDescent="0.25">
      <c r="A19" s="2" t="s">
        <v>31</v>
      </c>
      <c r="B19" s="4" t="s">
        <v>1028</v>
      </c>
      <c r="C19" s="13">
        <v>0</v>
      </c>
      <c r="D19" s="13">
        <v>0</v>
      </c>
      <c r="E19" s="13">
        <v>1334505.3999999999</v>
      </c>
      <c r="F19" s="13">
        <v>0</v>
      </c>
      <c r="G19" s="12"/>
      <c r="H19" s="12"/>
      <c r="I19" s="12"/>
      <c r="J19" s="12"/>
      <c r="K19" s="12"/>
      <c r="L19" s="12"/>
    </row>
    <row r="20" spans="1:12" x14ac:dyDescent="0.25">
      <c r="A20" s="3" t="s">
        <v>33</v>
      </c>
      <c r="B20" s="5" t="s">
        <v>1029</v>
      </c>
      <c r="C20" s="11">
        <v>925275000</v>
      </c>
      <c r="D20" s="11">
        <v>925275000</v>
      </c>
      <c r="E20" s="11">
        <v>728939653.13999999</v>
      </c>
      <c r="F20" s="11">
        <v>78.78</v>
      </c>
      <c r="G20" s="12"/>
      <c r="H20" s="12"/>
      <c r="I20" s="12"/>
      <c r="J20" s="12"/>
      <c r="K20" s="12"/>
      <c r="L20" s="12"/>
    </row>
    <row r="21" spans="1:12" x14ac:dyDescent="0.25">
      <c r="A21" s="2" t="s">
        <v>35</v>
      </c>
      <c r="B21" s="4" t="s">
        <v>1030</v>
      </c>
      <c r="C21" s="13">
        <v>842427000</v>
      </c>
      <c r="D21" s="13">
        <v>842427000</v>
      </c>
      <c r="E21" s="13">
        <v>702798590.32000005</v>
      </c>
      <c r="F21" s="13">
        <v>83.43</v>
      </c>
      <c r="G21" s="12"/>
      <c r="H21" s="12"/>
      <c r="I21" s="12"/>
      <c r="J21" s="12"/>
      <c r="K21" s="12"/>
      <c r="L21" s="12"/>
    </row>
    <row r="22" spans="1:12" x14ac:dyDescent="0.25">
      <c r="A22" s="2" t="s">
        <v>37</v>
      </c>
      <c r="B22" s="4" t="s">
        <v>1031</v>
      </c>
      <c r="C22" s="13">
        <v>82848000</v>
      </c>
      <c r="D22" s="13">
        <v>82848000</v>
      </c>
      <c r="E22" s="13">
        <v>26141062.82</v>
      </c>
      <c r="F22" s="13">
        <v>31.55</v>
      </c>
      <c r="G22" s="12"/>
      <c r="H22" s="12"/>
      <c r="I22" s="12"/>
      <c r="J22" s="12"/>
      <c r="K22" s="12"/>
      <c r="L22" s="12"/>
    </row>
    <row r="23" spans="1:12" x14ac:dyDescent="0.25">
      <c r="A23" s="2" t="s">
        <v>39</v>
      </c>
      <c r="B23" s="4" t="s">
        <v>1032</v>
      </c>
      <c r="C23" s="13">
        <v>1031230000</v>
      </c>
      <c r="D23" s="13">
        <v>1031230000</v>
      </c>
      <c r="E23" s="13">
        <v>556808518.21000004</v>
      </c>
      <c r="F23" s="13">
        <v>53.99</v>
      </c>
      <c r="G23" s="12"/>
      <c r="H23" s="12"/>
      <c r="I23" s="12"/>
      <c r="J23" s="12"/>
      <c r="K23" s="12"/>
      <c r="L23" s="12"/>
    </row>
    <row r="24" spans="1:12" x14ac:dyDescent="0.25">
      <c r="A24" s="3" t="s">
        <v>41</v>
      </c>
      <c r="B24" s="5" t="s">
        <v>1033</v>
      </c>
      <c r="C24" s="11">
        <v>1438221100</v>
      </c>
      <c r="D24" s="11">
        <v>1438221100</v>
      </c>
      <c r="E24" s="11">
        <v>1159651431.1700001</v>
      </c>
      <c r="F24" s="11">
        <v>137.91</v>
      </c>
      <c r="G24" s="12"/>
      <c r="H24" s="12"/>
      <c r="I24" s="12"/>
      <c r="J24" s="12"/>
      <c r="K24" s="12"/>
      <c r="L24" s="12"/>
    </row>
    <row r="25" spans="1:12" x14ac:dyDescent="0.25">
      <c r="A25" s="2" t="s">
        <v>43</v>
      </c>
      <c r="B25" s="4" t="s">
        <v>1034</v>
      </c>
      <c r="C25" s="13">
        <v>1323420200</v>
      </c>
      <c r="D25" s="13">
        <v>1323420200</v>
      </c>
      <c r="E25" s="13">
        <v>1096436420.1099999</v>
      </c>
      <c r="F25" s="13">
        <v>82.85</v>
      </c>
      <c r="G25" s="12"/>
      <c r="H25" s="12"/>
      <c r="I25" s="12"/>
      <c r="J25" s="12"/>
      <c r="K25" s="12"/>
      <c r="L25" s="12"/>
    </row>
    <row r="26" spans="1:12" x14ac:dyDescent="0.25">
      <c r="A26" s="2" t="s">
        <v>45</v>
      </c>
      <c r="B26" s="4" t="s">
        <v>1035</v>
      </c>
      <c r="C26" s="13">
        <v>114800900</v>
      </c>
      <c r="D26" s="13">
        <v>114800900</v>
      </c>
      <c r="E26" s="13">
        <v>63215011.060000002</v>
      </c>
      <c r="F26" s="13">
        <v>55.06</v>
      </c>
      <c r="G26" s="12"/>
      <c r="H26" s="12"/>
      <c r="I26" s="12"/>
      <c r="J26" s="12"/>
      <c r="K26" s="12"/>
      <c r="L26" s="12"/>
    </row>
    <row r="27" spans="1:12" x14ac:dyDescent="0.25">
      <c r="A27" s="3" t="s">
        <v>47</v>
      </c>
      <c r="B27" s="5" t="s">
        <v>1036</v>
      </c>
      <c r="C27" s="11">
        <v>0</v>
      </c>
      <c r="D27" s="11">
        <v>0</v>
      </c>
      <c r="E27" s="11">
        <v>0</v>
      </c>
      <c r="F27" s="11">
        <v>0</v>
      </c>
      <c r="G27" s="12"/>
      <c r="H27" s="12"/>
      <c r="I27" s="12"/>
      <c r="J27" s="12"/>
      <c r="K27" s="12"/>
      <c r="L27" s="12"/>
    </row>
    <row r="28" spans="1:12" x14ac:dyDescent="0.25">
      <c r="A28" s="2" t="s">
        <v>49</v>
      </c>
      <c r="B28" s="4" t="s">
        <v>1037</v>
      </c>
      <c r="C28" s="13">
        <v>0</v>
      </c>
      <c r="D28" s="13">
        <v>0</v>
      </c>
      <c r="E28" s="13">
        <v>0</v>
      </c>
      <c r="F28" s="13">
        <v>0</v>
      </c>
      <c r="G28" s="12"/>
      <c r="H28" s="12"/>
      <c r="I28" s="12"/>
      <c r="J28" s="12"/>
      <c r="K28" s="12"/>
      <c r="L28" s="12"/>
    </row>
    <row r="29" spans="1:12" x14ac:dyDescent="0.25">
      <c r="A29" s="2" t="s">
        <v>51</v>
      </c>
      <c r="B29" s="4" t="s">
        <v>1038</v>
      </c>
      <c r="C29" s="13">
        <v>0</v>
      </c>
      <c r="D29" s="13">
        <v>0</v>
      </c>
      <c r="E29" s="13">
        <v>0</v>
      </c>
      <c r="F29" s="13">
        <v>0</v>
      </c>
      <c r="G29" s="12"/>
      <c r="H29" s="12"/>
      <c r="I29" s="12"/>
      <c r="J29" s="12"/>
      <c r="K29" s="12"/>
      <c r="L29" s="12"/>
    </row>
    <row r="30" spans="1:12" x14ac:dyDescent="0.25">
      <c r="A30" s="3" t="s">
        <v>53</v>
      </c>
      <c r="B30" s="5" t="s">
        <v>1039</v>
      </c>
      <c r="C30" s="11">
        <v>3490281900</v>
      </c>
      <c r="D30" s="11">
        <v>3490281900</v>
      </c>
      <c r="E30" s="11">
        <v>2067349528.49</v>
      </c>
      <c r="F30" s="11">
        <v>59.23</v>
      </c>
      <c r="G30" s="12"/>
      <c r="H30" s="12"/>
      <c r="I30" s="12"/>
      <c r="J30" s="12"/>
      <c r="K30" s="12"/>
      <c r="L30" s="12"/>
    </row>
    <row r="31" spans="1:12" x14ac:dyDescent="0.25">
      <c r="A31" s="2" t="s">
        <v>55</v>
      </c>
      <c r="B31" s="4" t="s">
        <v>1040</v>
      </c>
      <c r="C31" s="13">
        <v>2998944200</v>
      </c>
      <c r="D31" s="13">
        <v>2998944200</v>
      </c>
      <c r="E31" s="13">
        <v>1687075948.8</v>
      </c>
      <c r="F31" s="13">
        <v>56.26</v>
      </c>
      <c r="G31" s="12"/>
      <c r="H31" s="12"/>
      <c r="I31" s="12"/>
      <c r="J31" s="12"/>
      <c r="K31" s="12"/>
      <c r="L31" s="12"/>
    </row>
    <row r="32" spans="1:12" x14ac:dyDescent="0.25">
      <c r="A32" s="2" t="s">
        <v>57</v>
      </c>
      <c r="B32" s="4" t="s">
        <v>1041</v>
      </c>
      <c r="C32" s="13">
        <v>462637500</v>
      </c>
      <c r="D32" s="13">
        <v>462637500</v>
      </c>
      <c r="E32" s="13">
        <v>364469827</v>
      </c>
      <c r="F32" s="13">
        <v>78.78</v>
      </c>
      <c r="G32" s="12"/>
      <c r="H32" s="12"/>
      <c r="I32" s="12"/>
      <c r="J32" s="12"/>
      <c r="K32" s="12"/>
      <c r="L32" s="12"/>
    </row>
    <row r="33" spans="1:12" x14ac:dyDescent="0.25">
      <c r="A33" s="2" t="s">
        <v>59</v>
      </c>
      <c r="B33" s="4" t="s">
        <v>1042</v>
      </c>
      <c r="C33" s="13">
        <v>28700200</v>
      </c>
      <c r="D33" s="13">
        <v>28700200</v>
      </c>
      <c r="E33" s="13">
        <v>15803752.689999999</v>
      </c>
      <c r="F33" s="13">
        <v>55.06</v>
      </c>
      <c r="G33" s="12"/>
      <c r="H33" s="12"/>
      <c r="I33" s="12"/>
      <c r="J33" s="12"/>
      <c r="K33" s="12"/>
      <c r="L33" s="12"/>
    </row>
    <row r="34" spans="1:12" x14ac:dyDescent="0.25">
      <c r="A34" s="3" t="s">
        <v>61</v>
      </c>
      <c r="B34" s="5" t="s">
        <v>1043</v>
      </c>
      <c r="C34" s="11">
        <v>12311475300</v>
      </c>
      <c r="D34" s="11">
        <v>12311475300</v>
      </c>
      <c r="E34" s="11">
        <v>7358853376.7799997</v>
      </c>
      <c r="F34" s="11">
        <v>59.77</v>
      </c>
      <c r="G34" s="12"/>
      <c r="H34" s="12"/>
      <c r="I34" s="12"/>
      <c r="J34" s="12"/>
      <c r="K34" s="12"/>
      <c r="L34" s="12"/>
    </row>
    <row r="35" spans="1:12" x14ac:dyDescent="0.25">
      <c r="C35" s="12"/>
      <c r="D35" s="12"/>
      <c r="E35" s="12"/>
      <c r="F35" s="12"/>
      <c r="G35" s="12"/>
      <c r="H35" s="12"/>
      <c r="I35" s="12"/>
      <c r="J35" s="12"/>
      <c r="K35" s="12"/>
      <c r="L35" s="12"/>
    </row>
    <row r="36" spans="1:12" x14ac:dyDescent="0.25">
      <c r="A36" s="10" t="s">
        <v>6</v>
      </c>
      <c r="B36" s="10" t="s">
        <v>1044</v>
      </c>
      <c r="C36" s="14" t="s">
        <v>409</v>
      </c>
      <c r="D36" s="14" t="s">
        <v>622</v>
      </c>
      <c r="E36" s="14" t="s">
        <v>170</v>
      </c>
      <c r="F36" s="14" t="s">
        <v>7</v>
      </c>
      <c r="G36" s="14" t="s">
        <v>174</v>
      </c>
      <c r="H36" s="14" t="s">
        <v>7</v>
      </c>
      <c r="I36" s="14" t="s">
        <v>1048</v>
      </c>
      <c r="J36" s="14" t="s">
        <v>1048</v>
      </c>
      <c r="K36" s="12"/>
      <c r="L36" s="12"/>
    </row>
    <row r="37" spans="1:12" ht="21" x14ac:dyDescent="0.25">
      <c r="A37" s="10" t="s">
        <v>7</v>
      </c>
      <c r="B37" s="10" t="s">
        <v>7</v>
      </c>
      <c r="C37" s="14" t="s">
        <v>7</v>
      </c>
      <c r="D37" s="14" t="s">
        <v>7</v>
      </c>
      <c r="E37" s="15" t="s">
        <v>414</v>
      </c>
      <c r="F37" s="15" t="s">
        <v>1045</v>
      </c>
      <c r="G37" s="15" t="s">
        <v>1046</v>
      </c>
      <c r="H37" s="15" t="s">
        <v>1047</v>
      </c>
      <c r="I37" s="15" t="s">
        <v>172</v>
      </c>
      <c r="J37" s="15" t="s">
        <v>1049</v>
      </c>
      <c r="K37" s="12"/>
      <c r="L37" s="12"/>
    </row>
    <row r="38" spans="1:12" x14ac:dyDescent="0.25">
      <c r="A38" s="3" t="s">
        <v>63</v>
      </c>
      <c r="B38" s="5" t="s">
        <v>1050</v>
      </c>
      <c r="C38" s="11">
        <v>69740000</v>
      </c>
      <c r="D38" s="11">
        <v>60210500</v>
      </c>
      <c r="E38" s="11">
        <v>34094128.25</v>
      </c>
      <c r="F38" s="11">
        <v>56.62</v>
      </c>
      <c r="G38" s="11">
        <v>24790104.620000001</v>
      </c>
      <c r="H38" s="11">
        <v>41.17</v>
      </c>
      <c r="I38" s="11">
        <v>24780640.719999999</v>
      </c>
      <c r="J38" s="11">
        <v>41.16</v>
      </c>
      <c r="K38" s="12"/>
      <c r="L38" s="12"/>
    </row>
    <row r="39" spans="1:12" x14ac:dyDescent="0.25">
      <c r="A39" s="2" t="s">
        <v>65</v>
      </c>
      <c r="B39" s="4" t="s">
        <v>1051</v>
      </c>
      <c r="C39" s="13">
        <v>69740000</v>
      </c>
      <c r="D39" s="13">
        <v>60210500</v>
      </c>
      <c r="E39" s="13">
        <v>34094128.25</v>
      </c>
      <c r="F39" s="13">
        <v>56.62</v>
      </c>
      <c r="G39" s="13">
        <v>24790104.620000001</v>
      </c>
      <c r="H39" s="13">
        <v>41.17</v>
      </c>
      <c r="I39" s="13">
        <v>24780640.719999999</v>
      </c>
      <c r="J39" s="13">
        <v>41.16</v>
      </c>
      <c r="K39" s="12"/>
      <c r="L39" s="12"/>
    </row>
    <row r="40" spans="1:12" x14ac:dyDescent="0.25">
      <c r="A40" s="2" t="s">
        <v>67</v>
      </c>
      <c r="B40" s="4" t="s">
        <v>1052</v>
      </c>
      <c r="C40" s="13">
        <v>0</v>
      </c>
      <c r="D40" s="13">
        <v>0</v>
      </c>
      <c r="E40" s="13">
        <v>0</v>
      </c>
      <c r="F40" s="13">
        <v>0</v>
      </c>
      <c r="G40" s="13">
        <v>0</v>
      </c>
      <c r="H40" s="13">
        <v>0</v>
      </c>
      <c r="I40" s="13">
        <v>0</v>
      </c>
      <c r="J40" s="13">
        <v>0</v>
      </c>
      <c r="K40" s="12"/>
      <c r="L40" s="12"/>
    </row>
    <row r="41" spans="1:12" x14ac:dyDescent="0.25">
      <c r="A41" s="3" t="s">
        <v>69</v>
      </c>
      <c r="B41" s="5" t="s">
        <v>1053</v>
      </c>
      <c r="C41" s="11">
        <v>925169000</v>
      </c>
      <c r="D41" s="11">
        <v>838169062</v>
      </c>
      <c r="E41" s="11">
        <v>566245734.53999996</v>
      </c>
      <c r="F41" s="11">
        <v>108.21</v>
      </c>
      <c r="G41" s="11">
        <v>417607967.16000003</v>
      </c>
      <c r="H41" s="11">
        <v>70.33</v>
      </c>
      <c r="I41" s="11">
        <v>416383307.23000002</v>
      </c>
      <c r="J41" s="11">
        <v>70.16</v>
      </c>
      <c r="K41" s="12"/>
      <c r="L41" s="12"/>
    </row>
    <row r="42" spans="1:12" x14ac:dyDescent="0.25">
      <c r="A42" s="2" t="s">
        <v>71</v>
      </c>
      <c r="B42" s="4" t="s">
        <v>1051</v>
      </c>
      <c r="C42" s="13">
        <v>880960000</v>
      </c>
      <c r="D42" s="13">
        <v>756079889</v>
      </c>
      <c r="E42" s="13">
        <v>535571292.76999998</v>
      </c>
      <c r="F42" s="13">
        <v>70.84</v>
      </c>
      <c r="G42" s="13">
        <v>403711303.19999999</v>
      </c>
      <c r="H42" s="13">
        <v>53.4</v>
      </c>
      <c r="I42" s="13">
        <v>402486643.26999998</v>
      </c>
      <c r="J42" s="13">
        <v>53.23</v>
      </c>
      <c r="K42" s="12"/>
      <c r="L42" s="12"/>
    </row>
    <row r="43" spans="1:12" x14ac:dyDescent="0.25">
      <c r="A43" s="2" t="s">
        <v>73</v>
      </c>
      <c r="B43" s="4" t="s">
        <v>1054</v>
      </c>
      <c r="C43" s="13">
        <v>44209000</v>
      </c>
      <c r="D43" s="13">
        <v>82089173</v>
      </c>
      <c r="E43" s="13">
        <v>30674441.77</v>
      </c>
      <c r="F43" s="13">
        <v>37.369999999999997</v>
      </c>
      <c r="G43" s="13">
        <v>13896663.960000001</v>
      </c>
      <c r="H43" s="13">
        <v>16.93</v>
      </c>
      <c r="I43" s="13">
        <v>13896663.960000001</v>
      </c>
      <c r="J43" s="13">
        <v>16.93</v>
      </c>
      <c r="K43" s="12"/>
      <c r="L43" s="12"/>
    </row>
    <row r="44" spans="1:12" x14ac:dyDescent="0.25">
      <c r="A44" s="3" t="s">
        <v>75</v>
      </c>
      <c r="B44" s="5" t="s">
        <v>1055</v>
      </c>
      <c r="C44" s="11">
        <v>54201000</v>
      </c>
      <c r="D44" s="11">
        <v>81895200</v>
      </c>
      <c r="E44" s="11">
        <v>37405144.740000002</v>
      </c>
      <c r="F44" s="11">
        <v>45.67</v>
      </c>
      <c r="G44" s="11">
        <v>22351265.300000001</v>
      </c>
      <c r="H44" s="11">
        <v>27.29</v>
      </c>
      <c r="I44" s="11">
        <v>17565128.140000001</v>
      </c>
      <c r="J44" s="11">
        <v>21.45</v>
      </c>
      <c r="K44" s="12"/>
      <c r="L44" s="12"/>
    </row>
    <row r="45" spans="1:12" x14ac:dyDescent="0.25">
      <c r="A45" s="2" t="s">
        <v>77</v>
      </c>
      <c r="B45" s="4" t="s">
        <v>1051</v>
      </c>
      <c r="C45" s="13">
        <v>54201000</v>
      </c>
      <c r="D45" s="13">
        <v>81895200</v>
      </c>
      <c r="E45" s="13">
        <v>37405144.740000002</v>
      </c>
      <c r="F45" s="13">
        <v>45.67</v>
      </c>
      <c r="G45" s="13">
        <v>22351265.300000001</v>
      </c>
      <c r="H45" s="13">
        <v>27.29</v>
      </c>
      <c r="I45" s="13">
        <v>17565128.140000001</v>
      </c>
      <c r="J45" s="13">
        <v>21.45</v>
      </c>
      <c r="K45" s="12"/>
      <c r="L45" s="12"/>
    </row>
    <row r="46" spans="1:12" x14ac:dyDescent="0.25">
      <c r="A46" s="2" t="s">
        <v>79</v>
      </c>
      <c r="B46" s="4" t="s">
        <v>1054</v>
      </c>
      <c r="C46" s="13">
        <v>0</v>
      </c>
      <c r="D46" s="13">
        <v>0</v>
      </c>
      <c r="E46" s="13">
        <v>0</v>
      </c>
      <c r="F46" s="13">
        <v>0</v>
      </c>
      <c r="G46" s="13">
        <v>0</v>
      </c>
      <c r="H46" s="13">
        <v>0</v>
      </c>
      <c r="I46" s="13">
        <v>0</v>
      </c>
      <c r="J46" s="13">
        <v>0</v>
      </c>
      <c r="K46" s="12"/>
      <c r="L46" s="12"/>
    </row>
    <row r="47" spans="1:12" x14ac:dyDescent="0.25">
      <c r="A47" s="3" t="s">
        <v>81</v>
      </c>
      <c r="B47" s="5" t="s">
        <v>1056</v>
      </c>
      <c r="C47" s="11">
        <v>500000</v>
      </c>
      <c r="D47" s="11">
        <v>500000</v>
      </c>
      <c r="E47" s="11">
        <v>378790.56</v>
      </c>
      <c r="F47" s="11">
        <v>75.760000000000005</v>
      </c>
      <c r="G47" s="11">
        <v>126263.52</v>
      </c>
      <c r="H47" s="11">
        <v>25.25</v>
      </c>
      <c r="I47" s="11">
        <v>126263.52</v>
      </c>
      <c r="J47" s="11">
        <v>25.25</v>
      </c>
      <c r="K47" s="12"/>
      <c r="L47" s="12"/>
    </row>
    <row r="48" spans="1:12" x14ac:dyDescent="0.25">
      <c r="A48" s="2" t="s">
        <v>83</v>
      </c>
      <c r="B48" s="4" t="s">
        <v>1051</v>
      </c>
      <c r="C48" s="13">
        <v>500000</v>
      </c>
      <c r="D48" s="13">
        <v>500000</v>
      </c>
      <c r="E48" s="13">
        <v>378790.56</v>
      </c>
      <c r="F48" s="13">
        <v>75.760000000000005</v>
      </c>
      <c r="G48" s="13">
        <v>126263.52</v>
      </c>
      <c r="H48" s="13">
        <v>25.25</v>
      </c>
      <c r="I48" s="13">
        <v>126263.52</v>
      </c>
      <c r="J48" s="13">
        <v>25.25</v>
      </c>
      <c r="K48" s="12"/>
      <c r="L48" s="12"/>
    </row>
    <row r="49" spans="1:12" x14ac:dyDescent="0.25">
      <c r="A49" s="2" t="s">
        <v>85</v>
      </c>
      <c r="B49" s="4" t="s">
        <v>1054</v>
      </c>
      <c r="C49" s="13">
        <v>0</v>
      </c>
      <c r="D49" s="13">
        <v>0</v>
      </c>
      <c r="E49" s="13">
        <v>0</v>
      </c>
      <c r="F49" s="13">
        <v>0</v>
      </c>
      <c r="G49" s="13">
        <v>0</v>
      </c>
      <c r="H49" s="13">
        <v>0</v>
      </c>
      <c r="I49" s="13">
        <v>0</v>
      </c>
      <c r="J49" s="13">
        <v>0</v>
      </c>
      <c r="K49" s="12"/>
      <c r="L49" s="12"/>
    </row>
    <row r="50" spans="1:12" x14ac:dyDescent="0.25">
      <c r="A50" s="3" t="s">
        <v>87</v>
      </c>
      <c r="B50" s="5" t="s">
        <v>1057</v>
      </c>
      <c r="C50" s="11">
        <v>20836000</v>
      </c>
      <c r="D50" s="11">
        <v>51931600</v>
      </c>
      <c r="E50" s="11">
        <v>42173737.560000002</v>
      </c>
      <c r="F50" s="11">
        <v>152</v>
      </c>
      <c r="G50" s="11">
        <v>31912515.989999998</v>
      </c>
      <c r="H50" s="11">
        <v>112.41</v>
      </c>
      <c r="I50" s="11">
        <v>31912515.989999998</v>
      </c>
      <c r="J50" s="11">
        <v>112.41</v>
      </c>
      <c r="K50" s="12"/>
      <c r="L50" s="12"/>
    </row>
    <row r="51" spans="1:12" x14ac:dyDescent="0.25">
      <c r="A51" s="2" t="s">
        <v>89</v>
      </c>
      <c r="B51" s="4" t="s">
        <v>1051</v>
      </c>
      <c r="C51" s="13">
        <v>19615000</v>
      </c>
      <c r="D51" s="13">
        <v>50372000</v>
      </c>
      <c r="E51" s="13">
        <v>41074841.57</v>
      </c>
      <c r="F51" s="13">
        <v>81.540000000000006</v>
      </c>
      <c r="G51" s="13">
        <v>31123031.989999998</v>
      </c>
      <c r="H51" s="13">
        <v>61.79</v>
      </c>
      <c r="I51" s="13">
        <v>31123031.989999998</v>
      </c>
      <c r="J51" s="13">
        <v>61.79</v>
      </c>
      <c r="K51" s="12"/>
      <c r="L51" s="12"/>
    </row>
    <row r="52" spans="1:12" x14ac:dyDescent="0.25">
      <c r="A52" s="2" t="s">
        <v>91</v>
      </c>
      <c r="B52" s="4" t="s">
        <v>1054</v>
      </c>
      <c r="C52" s="13">
        <v>1221000</v>
      </c>
      <c r="D52" s="13">
        <v>1559600</v>
      </c>
      <c r="E52" s="13">
        <v>1098895.99</v>
      </c>
      <c r="F52" s="13">
        <v>70.459999999999994</v>
      </c>
      <c r="G52" s="13">
        <v>789484</v>
      </c>
      <c r="H52" s="13">
        <v>50.62</v>
      </c>
      <c r="I52" s="13">
        <v>789484</v>
      </c>
      <c r="J52" s="13">
        <v>50.62</v>
      </c>
      <c r="K52" s="12"/>
      <c r="L52" s="12"/>
    </row>
    <row r="53" spans="1:12" x14ac:dyDescent="0.25">
      <c r="A53" s="3" t="s">
        <v>93</v>
      </c>
      <c r="B53" s="5" t="s">
        <v>1058</v>
      </c>
      <c r="C53" s="11">
        <v>42206000</v>
      </c>
      <c r="D53" s="11">
        <v>42206000</v>
      </c>
      <c r="E53" s="11">
        <v>23329824.960000001</v>
      </c>
      <c r="F53" s="11">
        <v>55.28</v>
      </c>
      <c r="G53" s="11">
        <v>19414565.260000002</v>
      </c>
      <c r="H53" s="11">
        <v>46</v>
      </c>
      <c r="I53" s="11">
        <v>18447055.640000001</v>
      </c>
      <c r="J53" s="11">
        <v>43.71</v>
      </c>
      <c r="K53" s="12"/>
      <c r="L53" s="12"/>
    </row>
    <row r="54" spans="1:12" x14ac:dyDescent="0.25">
      <c r="A54" s="2" t="s">
        <v>95</v>
      </c>
      <c r="B54" s="4" t="s">
        <v>1051</v>
      </c>
      <c r="C54" s="13">
        <v>42206000</v>
      </c>
      <c r="D54" s="13">
        <v>42206000</v>
      </c>
      <c r="E54" s="13">
        <v>23329824.960000001</v>
      </c>
      <c r="F54" s="13">
        <v>55.28</v>
      </c>
      <c r="G54" s="13">
        <v>19414565.260000002</v>
      </c>
      <c r="H54" s="13">
        <v>46</v>
      </c>
      <c r="I54" s="13">
        <v>18447055.640000001</v>
      </c>
      <c r="J54" s="13">
        <v>43.71</v>
      </c>
      <c r="K54" s="12"/>
      <c r="L54" s="12"/>
    </row>
    <row r="55" spans="1:12" x14ac:dyDescent="0.25">
      <c r="A55" s="2" t="s">
        <v>97</v>
      </c>
      <c r="B55" s="4" t="s">
        <v>1054</v>
      </c>
      <c r="C55" s="13">
        <v>0</v>
      </c>
      <c r="D55" s="13">
        <v>0</v>
      </c>
      <c r="E55" s="13">
        <v>0</v>
      </c>
      <c r="F55" s="13">
        <v>0</v>
      </c>
      <c r="G55" s="13">
        <v>0</v>
      </c>
      <c r="H55" s="13">
        <v>0</v>
      </c>
      <c r="I55" s="13">
        <v>0</v>
      </c>
      <c r="J55" s="13">
        <v>0</v>
      </c>
      <c r="K55" s="12"/>
      <c r="L55" s="12"/>
    </row>
    <row r="56" spans="1:12" x14ac:dyDescent="0.25">
      <c r="A56" s="3" t="s">
        <v>99</v>
      </c>
      <c r="B56" s="5" t="s">
        <v>1059</v>
      </c>
      <c r="C56" s="11">
        <v>377210900</v>
      </c>
      <c r="D56" s="11">
        <v>479858184</v>
      </c>
      <c r="E56" s="11">
        <v>380114809.35000002</v>
      </c>
      <c r="F56" s="11">
        <v>138.08000000000001</v>
      </c>
      <c r="G56" s="11">
        <v>294818801.43000001</v>
      </c>
      <c r="H56" s="11">
        <v>92.36</v>
      </c>
      <c r="I56" s="11">
        <v>262167334.84</v>
      </c>
      <c r="J56" s="11">
        <v>85.34</v>
      </c>
      <c r="K56" s="12"/>
      <c r="L56" s="12"/>
    </row>
    <row r="57" spans="1:12" x14ac:dyDescent="0.25">
      <c r="A57" s="2" t="s">
        <v>101</v>
      </c>
      <c r="B57" s="4" t="s">
        <v>1051</v>
      </c>
      <c r="C57" s="13">
        <v>363569700</v>
      </c>
      <c r="D57" s="13">
        <v>465254297</v>
      </c>
      <c r="E57" s="13">
        <v>371613596.07999998</v>
      </c>
      <c r="F57" s="13">
        <v>79.87</v>
      </c>
      <c r="G57" s="13">
        <v>290448403.12</v>
      </c>
      <c r="H57" s="13">
        <v>62.43</v>
      </c>
      <c r="I57" s="13">
        <v>257796936.53</v>
      </c>
      <c r="J57" s="13">
        <v>55.41</v>
      </c>
      <c r="K57" s="12"/>
      <c r="L57" s="12"/>
    </row>
    <row r="58" spans="1:12" x14ac:dyDescent="0.25">
      <c r="A58" s="2" t="s">
        <v>103</v>
      </c>
      <c r="B58" s="4" t="s">
        <v>1054</v>
      </c>
      <c r="C58" s="13">
        <v>13641200</v>
      </c>
      <c r="D58" s="13">
        <v>14603887</v>
      </c>
      <c r="E58" s="13">
        <v>8501213.2699999996</v>
      </c>
      <c r="F58" s="13">
        <v>58.21</v>
      </c>
      <c r="G58" s="13">
        <v>4370398.3099999996</v>
      </c>
      <c r="H58" s="13">
        <v>29.93</v>
      </c>
      <c r="I58" s="13">
        <v>4370398.3099999996</v>
      </c>
      <c r="J58" s="13">
        <v>29.93</v>
      </c>
      <c r="K58" s="12"/>
      <c r="L58" s="12"/>
    </row>
    <row r="59" spans="1:12" x14ac:dyDescent="0.25">
      <c r="A59" s="3" t="s">
        <v>105</v>
      </c>
      <c r="B59" s="5" t="s">
        <v>1060</v>
      </c>
      <c r="C59" s="11">
        <v>1489862900</v>
      </c>
      <c r="D59" s="11">
        <v>1554770546</v>
      </c>
      <c r="E59" s="11">
        <v>1083742169.96</v>
      </c>
      <c r="F59" s="11">
        <v>69.7</v>
      </c>
      <c r="G59" s="11">
        <v>811021483.27999997</v>
      </c>
      <c r="H59" s="11">
        <v>52.16</v>
      </c>
      <c r="I59" s="11">
        <v>771382246.08000004</v>
      </c>
      <c r="J59" s="11">
        <v>49.61</v>
      </c>
      <c r="K59" s="12"/>
      <c r="L59" s="12"/>
    </row>
    <row r="60" spans="1:12" x14ac:dyDescent="0.25">
      <c r="C60" s="12"/>
      <c r="D60" s="12"/>
      <c r="E60" s="12"/>
      <c r="F60" s="12"/>
      <c r="G60" s="12"/>
      <c r="H60" s="12"/>
      <c r="I60" s="12"/>
      <c r="J60" s="12"/>
      <c r="K60" s="12"/>
      <c r="L60" s="12"/>
    </row>
    <row r="61" spans="1:12" x14ac:dyDescent="0.25">
      <c r="A61" s="10" t="s">
        <v>6</v>
      </c>
      <c r="B61" s="10" t="s">
        <v>1061</v>
      </c>
      <c r="C61" s="14" t="s">
        <v>1062</v>
      </c>
      <c r="D61" s="14" t="s">
        <v>1063</v>
      </c>
      <c r="E61" s="14" t="s">
        <v>1064</v>
      </c>
      <c r="F61" s="12"/>
      <c r="G61" s="12"/>
      <c r="H61" s="12"/>
      <c r="I61" s="12"/>
      <c r="J61" s="12"/>
      <c r="K61" s="12"/>
      <c r="L61" s="12"/>
    </row>
    <row r="62" spans="1:12" x14ac:dyDescent="0.25">
      <c r="A62" s="10" t="s">
        <v>7</v>
      </c>
      <c r="B62" s="10" t="s">
        <v>7</v>
      </c>
      <c r="C62" s="14" t="s">
        <v>7</v>
      </c>
      <c r="D62" s="14" t="s">
        <v>7</v>
      </c>
      <c r="E62" s="14" t="s">
        <v>7</v>
      </c>
      <c r="F62" s="12"/>
      <c r="G62" s="12"/>
      <c r="H62" s="12"/>
      <c r="I62" s="12"/>
      <c r="J62" s="12"/>
      <c r="K62" s="12"/>
      <c r="L62" s="12"/>
    </row>
    <row r="63" spans="1:12" x14ac:dyDescent="0.25">
      <c r="A63" s="2" t="s">
        <v>107</v>
      </c>
      <c r="B63" s="4" t="s">
        <v>1065</v>
      </c>
      <c r="C63" s="13">
        <v>1083742169.96</v>
      </c>
      <c r="D63" s="13">
        <v>811021483.27999997</v>
      </c>
      <c r="E63" s="13">
        <v>771382246.08000004</v>
      </c>
      <c r="F63" s="12"/>
      <c r="G63" s="12"/>
      <c r="H63" s="12"/>
      <c r="I63" s="12"/>
      <c r="J63" s="12"/>
      <c r="K63" s="12"/>
      <c r="L63" s="12"/>
    </row>
    <row r="64" spans="1:12" x14ac:dyDescent="0.25">
      <c r="A64" s="2" t="s">
        <v>109</v>
      </c>
      <c r="B64" s="4" t="s">
        <v>1066</v>
      </c>
      <c r="C64" s="13">
        <v>0</v>
      </c>
      <c r="D64" s="13">
        <v>0</v>
      </c>
      <c r="E64" s="13">
        <v>0</v>
      </c>
      <c r="F64" s="12"/>
      <c r="G64" s="12"/>
      <c r="H64" s="12"/>
      <c r="I64" s="12"/>
      <c r="J64" s="12"/>
      <c r="K64" s="12"/>
      <c r="L64" s="12"/>
    </row>
    <row r="65" spans="1:12" x14ac:dyDescent="0.25">
      <c r="A65" s="2" t="s">
        <v>111</v>
      </c>
      <c r="B65" s="4" t="s">
        <v>1067</v>
      </c>
      <c r="C65" s="13">
        <v>0</v>
      </c>
      <c r="D65" s="13">
        <v>0</v>
      </c>
      <c r="E65" s="13">
        <v>0</v>
      </c>
      <c r="F65" s="12"/>
      <c r="G65" s="12"/>
      <c r="H65" s="12"/>
      <c r="I65" s="12"/>
      <c r="J65" s="12"/>
      <c r="K65" s="12"/>
      <c r="L65" s="12"/>
    </row>
    <row r="66" spans="1:12" x14ac:dyDescent="0.25">
      <c r="A66" s="2" t="s">
        <v>113</v>
      </c>
      <c r="B66" s="4" t="s">
        <v>1068</v>
      </c>
      <c r="C66" s="13">
        <v>0</v>
      </c>
      <c r="D66" s="13">
        <v>0</v>
      </c>
      <c r="E66" s="13">
        <v>0</v>
      </c>
      <c r="F66" s="12"/>
      <c r="G66" s="12"/>
      <c r="H66" s="12"/>
      <c r="I66" s="12"/>
      <c r="J66" s="12"/>
      <c r="K66" s="12"/>
      <c r="L66" s="12"/>
    </row>
    <row r="67" spans="1:12" x14ac:dyDescent="0.25">
      <c r="A67" s="2" t="s">
        <v>115</v>
      </c>
      <c r="B67" s="4" t="s">
        <v>1069</v>
      </c>
      <c r="C67" s="13">
        <v>1083742169.96</v>
      </c>
      <c r="D67" s="13">
        <v>811021483.27999997</v>
      </c>
      <c r="E67" s="13">
        <v>771382246.08000004</v>
      </c>
      <c r="F67" s="12"/>
      <c r="G67" s="12"/>
      <c r="H67" s="12"/>
      <c r="I67" s="12"/>
      <c r="J67" s="12"/>
      <c r="K67" s="12"/>
      <c r="L67" s="12"/>
    </row>
    <row r="68" spans="1:12" x14ac:dyDescent="0.25">
      <c r="C68" s="12"/>
      <c r="D68" s="12"/>
      <c r="E68" s="12"/>
      <c r="F68" s="12"/>
      <c r="G68" s="12"/>
      <c r="H68" s="12"/>
      <c r="I68" s="12"/>
      <c r="J68" s="12"/>
      <c r="K68" s="12"/>
      <c r="L68" s="12"/>
    </row>
    <row r="69" spans="1:12" x14ac:dyDescent="0.25">
      <c r="A69" s="10" t="s">
        <v>6</v>
      </c>
      <c r="B69" s="10" t="s">
        <v>1070</v>
      </c>
      <c r="C69" s="14" t="s">
        <v>1071</v>
      </c>
      <c r="D69" s="12"/>
      <c r="E69" s="12"/>
      <c r="F69" s="12"/>
      <c r="G69" s="12"/>
      <c r="H69" s="12"/>
      <c r="I69" s="12"/>
      <c r="J69" s="12"/>
      <c r="K69" s="12"/>
      <c r="L69" s="12"/>
    </row>
    <row r="70" spans="1:12" x14ac:dyDescent="0.25">
      <c r="A70" s="10" t="s">
        <v>7</v>
      </c>
      <c r="B70" s="10" t="s">
        <v>7</v>
      </c>
      <c r="C70" s="14" t="s">
        <v>7</v>
      </c>
      <c r="D70" s="12"/>
      <c r="E70" s="12"/>
      <c r="F70" s="12"/>
      <c r="G70" s="12"/>
      <c r="H70" s="12"/>
      <c r="I70" s="12"/>
      <c r="J70" s="12"/>
      <c r="K70" s="12"/>
      <c r="L70" s="12"/>
    </row>
    <row r="71" spans="1:12" x14ac:dyDescent="0.25">
      <c r="A71" s="2" t="s">
        <v>117</v>
      </c>
      <c r="B71" s="4" t="s">
        <v>1072</v>
      </c>
      <c r="C71" s="13">
        <v>883062405.21000004</v>
      </c>
      <c r="D71" s="12"/>
      <c r="E71" s="12"/>
      <c r="F71" s="12"/>
      <c r="G71" s="12"/>
      <c r="H71" s="12"/>
      <c r="I71" s="12"/>
      <c r="J71" s="12"/>
      <c r="K71" s="12"/>
      <c r="L71" s="12"/>
    </row>
    <row r="72" spans="1:12" x14ac:dyDescent="0.25">
      <c r="A72" s="2" t="s">
        <v>119</v>
      </c>
      <c r="B72" s="4" t="s">
        <v>1073</v>
      </c>
      <c r="C72" s="13">
        <v>0</v>
      </c>
      <c r="D72" s="12"/>
      <c r="E72" s="12"/>
      <c r="F72" s="12"/>
      <c r="G72" s="12"/>
      <c r="H72" s="12"/>
      <c r="I72" s="12"/>
      <c r="J72" s="12"/>
      <c r="K72" s="12"/>
      <c r="L72" s="12"/>
    </row>
    <row r="73" spans="1:12" x14ac:dyDescent="0.25">
      <c r="C73" s="12"/>
      <c r="D73" s="12"/>
      <c r="E73" s="12"/>
      <c r="F73" s="12"/>
      <c r="G73" s="12"/>
      <c r="H73" s="12"/>
      <c r="I73" s="12"/>
      <c r="J73" s="12"/>
      <c r="K73" s="12"/>
      <c r="L73" s="12"/>
    </row>
    <row r="74" spans="1:12" x14ac:dyDescent="0.25">
      <c r="A74" s="10" t="s">
        <v>6</v>
      </c>
      <c r="B74" s="10" t="s">
        <v>1074</v>
      </c>
      <c r="C74" s="14" t="s">
        <v>1062</v>
      </c>
      <c r="D74" s="14" t="s">
        <v>1063</v>
      </c>
      <c r="E74" s="14" t="s">
        <v>1064</v>
      </c>
      <c r="F74" s="12"/>
      <c r="G74" s="12"/>
      <c r="H74" s="12"/>
      <c r="I74" s="12"/>
      <c r="J74" s="12"/>
      <c r="K74" s="12"/>
      <c r="L74" s="12"/>
    </row>
    <row r="75" spans="1:12" x14ac:dyDescent="0.25">
      <c r="A75" s="10" t="s">
        <v>7</v>
      </c>
      <c r="B75" s="10" t="s">
        <v>7</v>
      </c>
      <c r="C75" s="14" t="s">
        <v>7</v>
      </c>
      <c r="D75" s="14" t="s">
        <v>7</v>
      </c>
      <c r="E75" s="14" t="s">
        <v>7</v>
      </c>
      <c r="F75" s="12"/>
      <c r="G75" s="12"/>
      <c r="H75" s="12"/>
      <c r="I75" s="12"/>
      <c r="J75" s="12"/>
      <c r="K75" s="12"/>
      <c r="L75" s="12"/>
    </row>
    <row r="76" spans="1:12" x14ac:dyDescent="0.25">
      <c r="A76" s="2" t="s">
        <v>120</v>
      </c>
      <c r="B76" s="4" t="s">
        <v>1075</v>
      </c>
      <c r="C76" s="13">
        <v>0</v>
      </c>
      <c r="D76" s="13">
        <v>-72040921.930000007</v>
      </c>
      <c r="E76" s="13">
        <v>0</v>
      </c>
      <c r="F76" s="12"/>
      <c r="G76" s="12"/>
      <c r="H76" s="12"/>
      <c r="I76" s="12"/>
      <c r="J76" s="12"/>
      <c r="K76" s="12"/>
      <c r="L76" s="12"/>
    </row>
    <row r="77" spans="1:12" x14ac:dyDescent="0.25">
      <c r="C77" s="12"/>
      <c r="D77" s="12"/>
      <c r="E77" s="12"/>
      <c r="F77" s="12"/>
      <c r="G77" s="12"/>
      <c r="H77" s="12"/>
      <c r="I77" s="12"/>
      <c r="J77" s="12"/>
      <c r="K77" s="12"/>
      <c r="L77" s="12"/>
    </row>
    <row r="78" spans="1:12" x14ac:dyDescent="0.25">
      <c r="A78" s="10" t="s">
        <v>6</v>
      </c>
      <c r="B78" s="10" t="s">
        <v>1076</v>
      </c>
      <c r="C78" s="14" t="s">
        <v>1076</v>
      </c>
      <c r="D78" s="12"/>
      <c r="E78" s="12"/>
      <c r="F78" s="12"/>
      <c r="G78" s="12"/>
      <c r="H78" s="12"/>
      <c r="I78" s="12"/>
      <c r="J78" s="12"/>
      <c r="K78" s="12"/>
      <c r="L78" s="12"/>
    </row>
    <row r="79" spans="1:12" x14ac:dyDescent="0.25">
      <c r="A79" s="10" t="s">
        <v>7</v>
      </c>
      <c r="B79" s="10" t="s">
        <v>7</v>
      </c>
      <c r="C79" s="14" t="s">
        <v>7</v>
      </c>
      <c r="D79" s="12"/>
      <c r="E79" s="12"/>
      <c r="F79" s="12"/>
      <c r="G79" s="12"/>
      <c r="H79" s="12"/>
      <c r="I79" s="12"/>
      <c r="J79" s="12"/>
      <c r="K79" s="12"/>
      <c r="L79" s="12"/>
    </row>
    <row r="80" spans="1:12" x14ac:dyDescent="0.25">
      <c r="A80" s="2" t="s">
        <v>121</v>
      </c>
      <c r="B80" s="4" t="s">
        <v>1077</v>
      </c>
      <c r="C80" s="13">
        <v>-72040921.930000007</v>
      </c>
      <c r="D80" s="12"/>
      <c r="E80" s="12"/>
      <c r="F80" s="12"/>
      <c r="G80" s="12"/>
      <c r="H80" s="12"/>
      <c r="I80" s="12"/>
      <c r="J80" s="12"/>
      <c r="K80" s="12"/>
      <c r="L80" s="12"/>
    </row>
    <row r="81" spans="1:12" x14ac:dyDescent="0.25">
      <c r="C81" s="12"/>
      <c r="D81" s="12"/>
      <c r="E81" s="12"/>
      <c r="F81" s="12"/>
      <c r="G81" s="12"/>
      <c r="H81" s="12"/>
      <c r="I81" s="12"/>
      <c r="J81" s="12"/>
      <c r="K81" s="12"/>
      <c r="L81" s="12"/>
    </row>
    <row r="82" spans="1:12" x14ac:dyDescent="0.25">
      <c r="A82" s="10" t="s">
        <v>6</v>
      </c>
      <c r="B82" s="10" t="s">
        <v>1078</v>
      </c>
      <c r="C82" s="14" t="s">
        <v>1062</v>
      </c>
      <c r="D82" s="14" t="s">
        <v>1063</v>
      </c>
      <c r="E82" s="12"/>
      <c r="F82" s="12"/>
      <c r="G82" s="12"/>
      <c r="H82" s="12"/>
      <c r="I82" s="12"/>
      <c r="J82" s="12"/>
      <c r="K82" s="12"/>
      <c r="L82" s="12"/>
    </row>
    <row r="83" spans="1:12" x14ac:dyDescent="0.25">
      <c r="A83" s="10" t="s">
        <v>7</v>
      </c>
      <c r="B83" s="10" t="s">
        <v>7</v>
      </c>
      <c r="C83" s="14" t="s">
        <v>7</v>
      </c>
      <c r="D83" s="14" t="s">
        <v>7</v>
      </c>
      <c r="E83" s="12"/>
      <c r="F83" s="12"/>
      <c r="G83" s="12"/>
      <c r="H83" s="12"/>
      <c r="I83" s="12"/>
      <c r="J83" s="12"/>
      <c r="K83" s="12"/>
      <c r="L83" s="12"/>
    </row>
    <row r="84" spans="1:12" x14ac:dyDescent="0.25">
      <c r="A84" s="2" t="s">
        <v>122</v>
      </c>
      <c r="B84" s="4" t="s">
        <v>1079</v>
      </c>
      <c r="C84" s="13">
        <v>14.73</v>
      </c>
      <c r="D84" s="13">
        <v>11.02</v>
      </c>
      <c r="E84" s="12"/>
      <c r="F84" s="12"/>
      <c r="G84" s="12"/>
      <c r="H84" s="12"/>
      <c r="I84" s="12"/>
      <c r="J84" s="12"/>
      <c r="K84" s="12"/>
      <c r="L84" s="12"/>
    </row>
    <row r="85" spans="1:12" x14ac:dyDescent="0.25">
      <c r="C85" s="12"/>
      <c r="D85" s="12"/>
      <c r="E85" s="12"/>
      <c r="F85" s="12"/>
      <c r="G85" s="12"/>
      <c r="H85" s="12"/>
      <c r="I85" s="12"/>
      <c r="J85" s="12"/>
      <c r="K85" s="12"/>
      <c r="L85" s="12"/>
    </row>
    <row r="86" spans="1:12" x14ac:dyDescent="0.25">
      <c r="A86" s="10" t="s">
        <v>6</v>
      </c>
      <c r="B86" s="10" t="s">
        <v>1080</v>
      </c>
      <c r="C86" s="14" t="s">
        <v>1081</v>
      </c>
      <c r="D86" s="14" t="s">
        <v>1082</v>
      </c>
      <c r="E86" s="14" t="s">
        <v>7</v>
      </c>
      <c r="F86" s="14" t="s">
        <v>7</v>
      </c>
      <c r="G86" s="14" t="s">
        <v>1086</v>
      </c>
      <c r="H86" s="12"/>
      <c r="I86" s="12"/>
      <c r="J86" s="12"/>
      <c r="K86" s="12"/>
      <c r="L86" s="12"/>
    </row>
    <row r="87" spans="1:12" ht="31.5" x14ac:dyDescent="0.25">
      <c r="A87" s="10" t="s">
        <v>7</v>
      </c>
      <c r="B87" s="10" t="s">
        <v>7</v>
      </c>
      <c r="C87" s="14" t="s">
        <v>7</v>
      </c>
      <c r="D87" s="15" t="s">
        <v>1083</v>
      </c>
      <c r="E87" s="15" t="s">
        <v>1084</v>
      </c>
      <c r="F87" s="15" t="s">
        <v>1085</v>
      </c>
      <c r="G87" s="14" t="s">
        <v>7</v>
      </c>
      <c r="H87" s="12"/>
      <c r="I87" s="12"/>
      <c r="J87" s="12"/>
      <c r="K87" s="12"/>
      <c r="L87" s="12"/>
    </row>
    <row r="88" spans="1:12" x14ac:dyDescent="0.25">
      <c r="A88" s="2" t="s">
        <v>123</v>
      </c>
      <c r="B88" s="4" t="s">
        <v>1087</v>
      </c>
      <c r="C88" s="13">
        <v>0</v>
      </c>
      <c r="D88" s="13">
        <v>0</v>
      </c>
      <c r="E88" s="13">
        <v>0</v>
      </c>
      <c r="F88" s="13">
        <v>0</v>
      </c>
      <c r="G88" s="13">
        <v>0</v>
      </c>
      <c r="H88" s="12"/>
      <c r="I88" s="12"/>
      <c r="J88" s="12"/>
      <c r="K88" s="12"/>
      <c r="L88" s="12"/>
    </row>
    <row r="89" spans="1:12" x14ac:dyDescent="0.25">
      <c r="A89" s="2" t="s">
        <v>124</v>
      </c>
      <c r="B89" s="4" t="s">
        <v>1088</v>
      </c>
      <c r="C89" s="13">
        <v>0</v>
      </c>
      <c r="D89" s="13">
        <v>0</v>
      </c>
      <c r="E89" s="13">
        <v>0</v>
      </c>
      <c r="F89" s="13">
        <v>0</v>
      </c>
      <c r="G89" s="13">
        <v>0</v>
      </c>
      <c r="H89" s="12"/>
      <c r="I89" s="12"/>
      <c r="J89" s="12"/>
      <c r="K89" s="12"/>
      <c r="L89" s="12"/>
    </row>
    <row r="90" spans="1:12" x14ac:dyDescent="0.25">
      <c r="A90" s="2" t="s">
        <v>125</v>
      </c>
      <c r="B90" s="4" t="s">
        <v>1089</v>
      </c>
      <c r="C90" s="13">
        <v>0</v>
      </c>
      <c r="D90" s="13">
        <v>0</v>
      </c>
      <c r="E90" s="13">
        <v>0</v>
      </c>
      <c r="F90" s="13">
        <v>0</v>
      </c>
      <c r="G90" s="13">
        <v>0</v>
      </c>
      <c r="H90" s="12"/>
      <c r="I90" s="12"/>
      <c r="J90" s="12"/>
      <c r="K90" s="12"/>
      <c r="L90" s="12"/>
    </row>
    <row r="91" spans="1:12" x14ac:dyDescent="0.25">
      <c r="A91" s="2" t="s">
        <v>127</v>
      </c>
      <c r="B91" s="4" t="s">
        <v>1090</v>
      </c>
      <c r="C91" s="13">
        <v>0</v>
      </c>
      <c r="D91" s="13">
        <v>0</v>
      </c>
      <c r="E91" s="13">
        <v>0</v>
      </c>
      <c r="F91" s="13">
        <v>0</v>
      </c>
      <c r="G91" s="13">
        <v>0</v>
      </c>
      <c r="H91" s="12"/>
      <c r="I91" s="12"/>
      <c r="J91" s="12"/>
      <c r="K91" s="12"/>
      <c r="L91" s="12"/>
    </row>
    <row r="92" spans="1:12" x14ac:dyDescent="0.25">
      <c r="C92" s="12"/>
      <c r="D92" s="12"/>
      <c r="E92" s="12"/>
      <c r="F92" s="12"/>
      <c r="G92" s="12"/>
      <c r="H92" s="12"/>
      <c r="I92" s="12"/>
      <c r="J92" s="12"/>
      <c r="K92" s="12"/>
      <c r="L92" s="12"/>
    </row>
    <row r="93" spans="1:12" x14ac:dyDescent="0.25">
      <c r="A93" s="10" t="s">
        <v>6</v>
      </c>
      <c r="B93" s="10" t="s">
        <v>1091</v>
      </c>
      <c r="C93" s="14" t="s">
        <v>1092</v>
      </c>
      <c r="D93" s="14" t="s">
        <v>1093</v>
      </c>
      <c r="E93" s="14" t="s">
        <v>1094</v>
      </c>
      <c r="F93" s="14" t="s">
        <v>1095</v>
      </c>
      <c r="G93" s="14" t="s">
        <v>1096</v>
      </c>
      <c r="H93" s="14" t="s">
        <v>1097</v>
      </c>
      <c r="I93" s="14" t="s">
        <v>1098</v>
      </c>
      <c r="J93" s="14" t="s">
        <v>1099</v>
      </c>
      <c r="K93" s="14" t="s">
        <v>1100</v>
      </c>
      <c r="L93" s="14" t="s">
        <v>1101</v>
      </c>
    </row>
    <row r="94" spans="1:12" x14ac:dyDescent="0.25">
      <c r="A94" s="10" t="s">
        <v>7</v>
      </c>
      <c r="B94" s="10" t="s">
        <v>7</v>
      </c>
      <c r="C94" s="14" t="s">
        <v>7</v>
      </c>
      <c r="D94" s="14" t="s">
        <v>7</v>
      </c>
      <c r="E94" s="14" t="s">
        <v>7</v>
      </c>
      <c r="F94" s="14" t="s">
        <v>7</v>
      </c>
      <c r="G94" s="14" t="s">
        <v>7</v>
      </c>
      <c r="H94" s="14" t="s">
        <v>7</v>
      </c>
      <c r="I94" s="14" t="s">
        <v>7</v>
      </c>
      <c r="J94" s="14" t="s">
        <v>7</v>
      </c>
      <c r="K94" s="14" t="s">
        <v>7</v>
      </c>
      <c r="L94" s="14" t="s">
        <v>7</v>
      </c>
    </row>
    <row r="95" spans="1:12" x14ac:dyDescent="0.25">
      <c r="A95" s="2" t="s">
        <v>129</v>
      </c>
      <c r="B95" s="4" t="s">
        <v>1102</v>
      </c>
      <c r="C95" s="13">
        <v>0</v>
      </c>
      <c r="D95" s="13">
        <v>0</v>
      </c>
      <c r="E95" s="13">
        <v>0</v>
      </c>
      <c r="F95" s="13">
        <v>0</v>
      </c>
      <c r="G95" s="13">
        <v>0</v>
      </c>
      <c r="H95" s="13">
        <v>0</v>
      </c>
      <c r="I95" s="13">
        <v>0</v>
      </c>
      <c r="J95" s="13">
        <v>0</v>
      </c>
      <c r="K95" s="13">
        <v>0</v>
      </c>
      <c r="L95" s="13">
        <v>0</v>
      </c>
    </row>
    <row r="96" spans="1:12" x14ac:dyDescent="0.25">
      <c r="A96" s="2" t="s">
        <v>131</v>
      </c>
      <c r="B96" s="4" t="s">
        <v>1103</v>
      </c>
      <c r="C96" s="13">
        <v>0</v>
      </c>
      <c r="D96" s="13">
        <v>0</v>
      </c>
      <c r="E96" s="13">
        <v>0</v>
      </c>
      <c r="F96" s="13">
        <v>0</v>
      </c>
      <c r="G96" s="13">
        <v>0</v>
      </c>
      <c r="H96" s="13">
        <v>0</v>
      </c>
      <c r="I96" s="13">
        <v>0</v>
      </c>
      <c r="J96" s="13">
        <v>0</v>
      </c>
      <c r="K96" s="13">
        <v>0</v>
      </c>
      <c r="L96" s="13">
        <v>0</v>
      </c>
    </row>
    <row r="97" spans="1:12" x14ac:dyDescent="0.25">
      <c r="A97" s="2" t="s">
        <v>133</v>
      </c>
      <c r="B97" s="4" t="s">
        <v>1104</v>
      </c>
      <c r="C97" s="13">
        <v>0</v>
      </c>
      <c r="D97" s="13">
        <v>0</v>
      </c>
      <c r="E97" s="13">
        <v>0</v>
      </c>
      <c r="F97" s="13">
        <v>0</v>
      </c>
      <c r="G97" s="13">
        <v>0</v>
      </c>
      <c r="H97" s="13">
        <v>0</v>
      </c>
      <c r="I97" s="13">
        <v>0</v>
      </c>
      <c r="J97" s="13">
        <v>0</v>
      </c>
      <c r="K97" s="13">
        <v>0</v>
      </c>
      <c r="L97" s="13">
        <v>0</v>
      </c>
    </row>
    <row r="98" spans="1:12" x14ac:dyDescent="0.25">
      <c r="A98" s="2" t="s">
        <v>135</v>
      </c>
      <c r="B98" s="4" t="s">
        <v>1105</v>
      </c>
      <c r="C98" s="13">
        <v>0</v>
      </c>
      <c r="D98" s="13">
        <v>0</v>
      </c>
      <c r="E98" s="13">
        <v>0</v>
      </c>
      <c r="F98" s="13">
        <v>0</v>
      </c>
      <c r="G98" s="13">
        <v>0</v>
      </c>
      <c r="H98" s="13">
        <v>0</v>
      </c>
      <c r="I98" s="13">
        <v>0</v>
      </c>
      <c r="J98" s="13">
        <v>0</v>
      </c>
      <c r="K98" s="13">
        <v>0</v>
      </c>
      <c r="L98" s="13">
        <v>0</v>
      </c>
    </row>
    <row r="99" spans="1:12" x14ac:dyDescent="0.25">
      <c r="A99" s="2" t="s">
        <v>137</v>
      </c>
      <c r="B99" s="4" t="s">
        <v>1106</v>
      </c>
      <c r="C99" s="13">
        <v>0</v>
      </c>
      <c r="D99" s="13">
        <v>0</v>
      </c>
      <c r="E99" s="13">
        <v>0</v>
      </c>
      <c r="F99" s="13">
        <v>0</v>
      </c>
      <c r="G99" s="13">
        <v>0</v>
      </c>
      <c r="H99" s="13">
        <v>0</v>
      </c>
      <c r="I99" s="13">
        <v>0</v>
      </c>
      <c r="J99" s="13">
        <v>0</v>
      </c>
      <c r="K99" s="13">
        <v>0</v>
      </c>
      <c r="L99" s="13">
        <v>0</v>
      </c>
    </row>
    <row r="100" spans="1:12" x14ac:dyDescent="0.25">
      <c r="C100" s="12"/>
      <c r="D100" s="12"/>
      <c r="E100" s="12"/>
      <c r="F100" s="12"/>
      <c r="G100" s="12"/>
      <c r="H100" s="12"/>
      <c r="I100" s="12"/>
      <c r="J100" s="12"/>
      <c r="K100" s="12"/>
      <c r="L100" s="12"/>
    </row>
    <row r="101" spans="1:12" x14ac:dyDescent="0.25">
      <c r="A101" s="10" t="s">
        <v>6</v>
      </c>
      <c r="B101" s="10" t="s">
        <v>686</v>
      </c>
      <c r="C101" s="14" t="s">
        <v>398</v>
      </c>
      <c r="D101" s="12"/>
      <c r="E101" s="12"/>
      <c r="F101" s="12"/>
      <c r="G101" s="12"/>
      <c r="H101" s="12"/>
      <c r="I101" s="12"/>
      <c r="J101" s="12"/>
      <c r="K101" s="12"/>
      <c r="L101" s="12"/>
    </row>
    <row r="102" spans="1:12" x14ac:dyDescent="0.25">
      <c r="A102" s="10" t="s">
        <v>7</v>
      </c>
      <c r="B102" s="10" t="s">
        <v>7</v>
      </c>
      <c r="C102" s="14" t="s">
        <v>7</v>
      </c>
      <c r="D102" s="12"/>
      <c r="E102" s="12"/>
      <c r="F102" s="12"/>
      <c r="G102" s="12"/>
      <c r="H102" s="12"/>
      <c r="I102" s="12"/>
      <c r="J102" s="12"/>
      <c r="K102" s="12"/>
      <c r="L102" s="12"/>
    </row>
    <row r="103" spans="1:12" x14ac:dyDescent="0.25">
      <c r="A103" s="2" t="s">
        <v>139</v>
      </c>
      <c r="B103" s="4" t="s">
        <v>1107</v>
      </c>
      <c r="C103" s="13">
        <v>0</v>
      </c>
      <c r="D103" s="12"/>
      <c r="E103" s="12"/>
      <c r="F103" s="12"/>
      <c r="G103" s="12"/>
      <c r="H103" s="12"/>
      <c r="I103" s="12"/>
      <c r="J103" s="12"/>
      <c r="K103" s="12"/>
      <c r="L103" s="12"/>
    </row>
    <row r="104" spans="1:12" x14ac:dyDescent="0.25">
      <c r="A104" s="2" t="s">
        <v>141</v>
      </c>
      <c r="B104" s="4" t="s">
        <v>1108</v>
      </c>
      <c r="C104" s="13">
        <v>0</v>
      </c>
      <c r="D104" s="12"/>
      <c r="E104" s="12"/>
      <c r="F104" s="12"/>
      <c r="G104" s="12"/>
      <c r="H104" s="12"/>
      <c r="I104" s="12"/>
      <c r="J104" s="12"/>
      <c r="K104" s="12"/>
      <c r="L104" s="12"/>
    </row>
    <row r="105" spans="1:12" x14ac:dyDescent="0.25">
      <c r="A105" s="2" t="s">
        <v>143</v>
      </c>
      <c r="B105" s="4" t="s">
        <v>1109</v>
      </c>
      <c r="C105" s="13">
        <v>0</v>
      </c>
      <c r="D105" s="12"/>
      <c r="E105" s="12"/>
      <c r="F105" s="12"/>
      <c r="G105" s="12"/>
      <c r="H105" s="12"/>
      <c r="I105" s="12"/>
      <c r="J105" s="12"/>
      <c r="K105" s="12"/>
      <c r="L105" s="12"/>
    </row>
    <row r="106" spans="1:12" x14ac:dyDescent="0.25">
      <c r="C106" s="12"/>
      <c r="D106" s="12"/>
      <c r="E106" s="12"/>
      <c r="F106" s="12"/>
      <c r="G106" s="12"/>
      <c r="H106" s="12"/>
      <c r="I106" s="12"/>
      <c r="J106" s="12"/>
      <c r="K106" s="12"/>
      <c r="L106" s="12"/>
    </row>
    <row r="107" spans="1:12" x14ac:dyDescent="0.25">
      <c r="A107" s="10" t="s">
        <v>6</v>
      </c>
      <c r="B107" s="10" t="s">
        <v>1110</v>
      </c>
      <c r="C107" s="14" t="s">
        <v>1111</v>
      </c>
      <c r="D107" s="14" t="s">
        <v>1082</v>
      </c>
      <c r="E107" s="14" t="s">
        <v>7</v>
      </c>
      <c r="F107" s="14" t="s">
        <v>7</v>
      </c>
      <c r="G107" s="14" t="s">
        <v>1115</v>
      </c>
      <c r="H107" s="12"/>
      <c r="I107" s="12"/>
      <c r="J107" s="12"/>
      <c r="K107" s="12"/>
      <c r="L107" s="12"/>
    </row>
    <row r="108" spans="1:12" ht="31.5" x14ac:dyDescent="0.25">
      <c r="A108" s="10" t="s">
        <v>7</v>
      </c>
      <c r="B108" s="10" t="s">
        <v>7</v>
      </c>
      <c r="C108" s="14" t="s">
        <v>7</v>
      </c>
      <c r="D108" s="15" t="s">
        <v>1112</v>
      </c>
      <c r="E108" s="15" t="s">
        <v>1113</v>
      </c>
      <c r="F108" s="15" t="s">
        <v>1114</v>
      </c>
      <c r="G108" s="14" t="s">
        <v>7</v>
      </c>
      <c r="H108" s="12"/>
      <c r="I108" s="12"/>
      <c r="J108" s="12"/>
      <c r="K108" s="12"/>
      <c r="L108" s="12"/>
    </row>
    <row r="109" spans="1:12" x14ac:dyDescent="0.25">
      <c r="A109" s="2" t="s">
        <v>145</v>
      </c>
      <c r="B109" s="4" t="s">
        <v>1116</v>
      </c>
      <c r="C109" s="13">
        <v>0</v>
      </c>
      <c r="D109" s="13">
        <v>0</v>
      </c>
      <c r="E109" s="13">
        <v>0</v>
      </c>
      <c r="F109" s="13">
        <v>0</v>
      </c>
      <c r="G109" s="13">
        <v>0</v>
      </c>
      <c r="H109" s="12"/>
      <c r="I109" s="12"/>
      <c r="J109" s="12"/>
      <c r="K109" s="12"/>
      <c r="L109" s="12"/>
    </row>
    <row r="110" spans="1:12" x14ac:dyDescent="0.25">
      <c r="A110" s="2" t="s">
        <v>147</v>
      </c>
      <c r="B110" s="4" t="s">
        <v>1117</v>
      </c>
      <c r="C110" s="13">
        <v>0</v>
      </c>
      <c r="D110" s="13">
        <v>0</v>
      </c>
      <c r="E110" s="13">
        <v>0</v>
      </c>
      <c r="F110" s="13">
        <v>0</v>
      </c>
      <c r="G110" s="13">
        <v>0</v>
      </c>
      <c r="H110" s="12"/>
      <c r="I110" s="12"/>
      <c r="J110" s="12"/>
      <c r="K110" s="12"/>
      <c r="L110" s="12"/>
    </row>
    <row r="111" spans="1:12" x14ac:dyDescent="0.25">
      <c r="A111" s="2" t="s">
        <v>149</v>
      </c>
      <c r="B111" s="4" t="s">
        <v>1118</v>
      </c>
      <c r="C111" s="13">
        <v>0</v>
      </c>
      <c r="D111" s="13">
        <v>0</v>
      </c>
      <c r="E111" s="13">
        <v>0</v>
      </c>
      <c r="F111" s="13">
        <v>0</v>
      </c>
      <c r="G111" s="13">
        <v>0</v>
      </c>
      <c r="H111" s="12"/>
      <c r="I111" s="12"/>
      <c r="J111" s="12"/>
      <c r="K111" s="12"/>
      <c r="L111" s="12"/>
    </row>
    <row r="112" spans="1:12" x14ac:dyDescent="0.25">
      <c r="A112" s="2" t="s">
        <v>151</v>
      </c>
      <c r="B112" s="4" t="s">
        <v>1119</v>
      </c>
      <c r="C112" s="13">
        <v>0</v>
      </c>
      <c r="D112" s="13">
        <v>0</v>
      </c>
      <c r="E112" s="13">
        <v>0</v>
      </c>
      <c r="F112" s="13">
        <v>0</v>
      </c>
      <c r="G112" s="13">
        <v>0</v>
      </c>
      <c r="H112" s="12"/>
      <c r="I112" s="12"/>
      <c r="J112" s="12"/>
      <c r="K112" s="12"/>
      <c r="L112" s="12"/>
    </row>
    <row r="113" spans="1:12" x14ac:dyDescent="0.25">
      <c r="C113" s="12"/>
      <c r="D113" s="12"/>
      <c r="E113" s="12"/>
      <c r="F113" s="12"/>
      <c r="G113" s="12"/>
      <c r="H113" s="12"/>
      <c r="I113" s="12"/>
      <c r="J113" s="12"/>
      <c r="K113" s="12"/>
      <c r="L113" s="12"/>
    </row>
    <row r="114" spans="1:12" x14ac:dyDescent="0.25">
      <c r="A114" s="10" t="s">
        <v>6</v>
      </c>
      <c r="B114" s="10" t="s">
        <v>1120</v>
      </c>
      <c r="C114" s="14" t="s">
        <v>9</v>
      </c>
      <c r="D114" s="14" t="s">
        <v>10</v>
      </c>
      <c r="E114" s="14" t="s">
        <v>11</v>
      </c>
      <c r="F114" s="14" t="s">
        <v>11</v>
      </c>
      <c r="G114" s="12"/>
      <c r="H114" s="12"/>
      <c r="I114" s="12"/>
      <c r="J114" s="12"/>
      <c r="K114" s="12"/>
      <c r="L114" s="12"/>
    </row>
    <row r="115" spans="1:12" ht="21" x14ac:dyDescent="0.25">
      <c r="A115" s="10" t="s">
        <v>7</v>
      </c>
      <c r="B115" s="10" t="s">
        <v>7</v>
      </c>
      <c r="C115" s="14" t="s">
        <v>7</v>
      </c>
      <c r="D115" s="14" t="s">
        <v>7</v>
      </c>
      <c r="E115" s="15" t="s">
        <v>1121</v>
      </c>
      <c r="F115" s="15" t="s">
        <v>1020</v>
      </c>
      <c r="G115" s="12"/>
      <c r="H115" s="12"/>
      <c r="I115" s="12"/>
      <c r="J115" s="12"/>
      <c r="K115" s="12"/>
      <c r="L115" s="12"/>
    </row>
    <row r="116" spans="1:12" x14ac:dyDescent="0.25">
      <c r="A116" s="3" t="s">
        <v>153</v>
      </c>
      <c r="B116" s="5" t="s">
        <v>1122</v>
      </c>
      <c r="C116" s="11">
        <v>332145900</v>
      </c>
      <c r="D116" s="11">
        <v>332145900</v>
      </c>
      <c r="E116" s="11">
        <v>116198669.97</v>
      </c>
      <c r="F116" s="11">
        <v>34.979999999999997</v>
      </c>
      <c r="G116" s="12"/>
      <c r="H116" s="12"/>
      <c r="I116" s="12"/>
      <c r="J116" s="12"/>
      <c r="K116" s="12"/>
      <c r="L116" s="12"/>
    </row>
    <row r="117" spans="1:12" x14ac:dyDescent="0.25">
      <c r="A117" s="2" t="s">
        <v>154</v>
      </c>
      <c r="B117" s="4" t="s">
        <v>1123</v>
      </c>
      <c r="C117" s="13">
        <v>332145900</v>
      </c>
      <c r="D117" s="13">
        <v>332145900</v>
      </c>
      <c r="E117" s="13">
        <v>116198669.97</v>
      </c>
      <c r="F117" s="13">
        <v>34.979999999999997</v>
      </c>
      <c r="G117" s="12"/>
      <c r="H117" s="12"/>
      <c r="I117" s="12"/>
      <c r="J117" s="12"/>
      <c r="K117" s="12"/>
      <c r="L117" s="12"/>
    </row>
    <row r="118" spans="1:12" x14ac:dyDescent="0.25">
      <c r="A118" s="2" t="s">
        <v>155</v>
      </c>
      <c r="B118" s="4" t="s">
        <v>1124</v>
      </c>
      <c r="C118" s="13">
        <v>0</v>
      </c>
      <c r="D118" s="13">
        <v>0</v>
      </c>
      <c r="E118" s="13">
        <v>0</v>
      </c>
      <c r="F118" s="13">
        <v>0</v>
      </c>
      <c r="G118" s="12"/>
      <c r="H118" s="12"/>
      <c r="I118" s="12"/>
      <c r="J118" s="12"/>
      <c r="K118" s="12"/>
      <c r="L118" s="12"/>
    </row>
    <row r="119" spans="1:12" x14ac:dyDescent="0.25">
      <c r="A119" s="2" t="s">
        <v>157</v>
      </c>
      <c r="B119" s="4" t="s">
        <v>1125</v>
      </c>
      <c r="C119" s="13">
        <v>0</v>
      </c>
      <c r="D119" s="13">
        <v>0</v>
      </c>
      <c r="E119" s="13">
        <v>0</v>
      </c>
      <c r="F119" s="13">
        <v>0</v>
      </c>
      <c r="G119" s="12"/>
      <c r="H119" s="12"/>
      <c r="I119" s="12"/>
      <c r="J119" s="12"/>
      <c r="K119" s="12"/>
      <c r="L119" s="12"/>
    </row>
    <row r="120" spans="1:12" x14ac:dyDescent="0.25">
      <c r="A120" s="2" t="s">
        <v>159</v>
      </c>
      <c r="B120" s="4" t="s">
        <v>1126</v>
      </c>
      <c r="C120" s="13">
        <v>0</v>
      </c>
      <c r="D120" s="13">
        <v>0</v>
      </c>
      <c r="E120" s="13">
        <v>0</v>
      </c>
      <c r="F120" s="13">
        <v>0</v>
      </c>
      <c r="G120" s="12"/>
      <c r="H120" s="12"/>
      <c r="I120" s="12"/>
      <c r="J120" s="12"/>
      <c r="K120" s="12"/>
      <c r="L120" s="12"/>
    </row>
    <row r="121" spans="1:12" x14ac:dyDescent="0.25">
      <c r="A121" s="2" t="s">
        <v>161</v>
      </c>
      <c r="B121" s="4" t="s">
        <v>1127</v>
      </c>
      <c r="C121" s="13">
        <v>738000</v>
      </c>
      <c r="D121" s="13">
        <v>738000</v>
      </c>
      <c r="E121" s="13">
        <v>86723.88</v>
      </c>
      <c r="F121" s="13">
        <v>11.75</v>
      </c>
      <c r="G121" s="12"/>
      <c r="H121" s="12"/>
      <c r="I121" s="12"/>
      <c r="J121" s="12"/>
      <c r="K121" s="12"/>
      <c r="L121" s="12"/>
    </row>
    <row r="122" spans="1:12" x14ac:dyDescent="0.25">
      <c r="A122" s="3" t="s">
        <v>163</v>
      </c>
      <c r="B122" s="5" t="s">
        <v>1128</v>
      </c>
      <c r="C122" s="11">
        <v>332883900</v>
      </c>
      <c r="D122" s="11">
        <v>332883900</v>
      </c>
      <c r="E122" s="11">
        <v>116285393.84999999</v>
      </c>
      <c r="F122" s="11">
        <v>34.93</v>
      </c>
      <c r="G122" s="12"/>
      <c r="H122" s="12"/>
      <c r="I122" s="12"/>
      <c r="J122" s="12"/>
      <c r="K122" s="12"/>
      <c r="L122" s="12"/>
    </row>
    <row r="123" spans="1:12" x14ac:dyDescent="0.25">
      <c r="C123" s="12"/>
      <c r="D123" s="12"/>
      <c r="E123" s="12"/>
      <c r="F123" s="12"/>
      <c r="G123" s="12"/>
      <c r="H123" s="12"/>
      <c r="I123" s="12"/>
      <c r="J123" s="12"/>
      <c r="K123" s="12"/>
      <c r="L123" s="12"/>
    </row>
    <row r="124" spans="1:12" x14ac:dyDescent="0.25">
      <c r="A124" s="10" t="s">
        <v>6</v>
      </c>
      <c r="B124" s="10" t="s">
        <v>1129</v>
      </c>
      <c r="C124" s="14" t="s">
        <v>409</v>
      </c>
      <c r="D124" s="14" t="s">
        <v>622</v>
      </c>
      <c r="E124" s="14" t="s">
        <v>170</v>
      </c>
      <c r="F124" s="14" t="s">
        <v>7</v>
      </c>
      <c r="G124" s="14" t="s">
        <v>174</v>
      </c>
      <c r="H124" s="14" t="s">
        <v>7</v>
      </c>
      <c r="I124" s="14" t="s">
        <v>1048</v>
      </c>
      <c r="J124" s="14" t="s">
        <v>1048</v>
      </c>
      <c r="K124" s="12"/>
      <c r="L124" s="12"/>
    </row>
    <row r="125" spans="1:12" ht="21" x14ac:dyDescent="0.25">
      <c r="A125" s="10" t="s">
        <v>7</v>
      </c>
      <c r="B125" s="10" t="s">
        <v>7</v>
      </c>
      <c r="C125" s="14" t="s">
        <v>7</v>
      </c>
      <c r="D125" s="14" t="s">
        <v>7</v>
      </c>
      <c r="E125" s="15" t="s">
        <v>414</v>
      </c>
      <c r="F125" s="15" t="s">
        <v>1045</v>
      </c>
      <c r="G125" s="15" t="s">
        <v>1046</v>
      </c>
      <c r="H125" s="15" t="s">
        <v>1047</v>
      </c>
      <c r="I125" s="15" t="s">
        <v>172</v>
      </c>
      <c r="J125" s="15" t="s">
        <v>1049</v>
      </c>
      <c r="K125" s="12"/>
      <c r="L125" s="12"/>
    </row>
    <row r="126" spans="1:12" x14ac:dyDescent="0.25">
      <c r="A126" s="3" t="s">
        <v>165</v>
      </c>
      <c r="B126" s="5" t="s">
        <v>1130</v>
      </c>
      <c r="C126" s="11">
        <v>0</v>
      </c>
      <c r="D126" s="11">
        <v>0</v>
      </c>
      <c r="E126" s="11">
        <v>0</v>
      </c>
      <c r="F126" s="11">
        <v>0</v>
      </c>
      <c r="G126" s="11">
        <v>0</v>
      </c>
      <c r="H126" s="11">
        <v>0</v>
      </c>
      <c r="I126" s="11">
        <v>0</v>
      </c>
      <c r="J126" s="11">
        <v>0</v>
      </c>
      <c r="K126" s="12"/>
      <c r="L126" s="12"/>
    </row>
    <row r="127" spans="1:12" x14ac:dyDescent="0.25">
      <c r="A127" s="2" t="s">
        <v>178</v>
      </c>
      <c r="B127" s="4" t="s">
        <v>1051</v>
      </c>
      <c r="C127" s="13">
        <v>0</v>
      </c>
      <c r="D127" s="13">
        <v>0</v>
      </c>
      <c r="E127" s="13">
        <v>0</v>
      </c>
      <c r="F127" s="13">
        <v>0</v>
      </c>
      <c r="G127" s="13">
        <v>0</v>
      </c>
      <c r="H127" s="13">
        <v>0</v>
      </c>
      <c r="I127" s="13">
        <v>0</v>
      </c>
      <c r="J127" s="13">
        <v>0</v>
      </c>
      <c r="K127" s="12"/>
      <c r="L127" s="12"/>
    </row>
    <row r="128" spans="1:12" x14ac:dyDescent="0.25">
      <c r="A128" s="2" t="s">
        <v>180</v>
      </c>
      <c r="B128" s="4" t="s">
        <v>1052</v>
      </c>
      <c r="C128" s="13">
        <v>0</v>
      </c>
      <c r="D128" s="13">
        <v>0</v>
      </c>
      <c r="E128" s="13">
        <v>0</v>
      </c>
      <c r="F128" s="13">
        <v>0</v>
      </c>
      <c r="G128" s="13">
        <v>0</v>
      </c>
      <c r="H128" s="13">
        <v>0</v>
      </c>
      <c r="I128" s="13">
        <v>0</v>
      </c>
      <c r="J128" s="13">
        <v>0</v>
      </c>
      <c r="K128" s="12"/>
      <c r="L128" s="12"/>
    </row>
    <row r="129" spans="1:12" x14ac:dyDescent="0.25">
      <c r="A129" s="3" t="s">
        <v>182</v>
      </c>
      <c r="B129" s="5" t="s">
        <v>1131</v>
      </c>
      <c r="C129" s="11">
        <v>280666300</v>
      </c>
      <c r="D129" s="11">
        <v>364682265.36000001</v>
      </c>
      <c r="E129" s="11">
        <v>159255007.58000001</v>
      </c>
      <c r="F129" s="11">
        <v>43.67</v>
      </c>
      <c r="G129" s="11">
        <v>103018356.20999999</v>
      </c>
      <c r="H129" s="11">
        <v>28.25</v>
      </c>
      <c r="I129" s="11">
        <v>96987320.150000006</v>
      </c>
      <c r="J129" s="11">
        <v>26.6</v>
      </c>
      <c r="K129" s="12"/>
      <c r="L129" s="12"/>
    </row>
    <row r="130" spans="1:12" x14ac:dyDescent="0.25">
      <c r="A130" s="2" t="s">
        <v>184</v>
      </c>
      <c r="B130" s="4" t="s">
        <v>1051</v>
      </c>
      <c r="C130" s="13">
        <v>223861700</v>
      </c>
      <c r="D130" s="13">
        <v>284314372.10000002</v>
      </c>
      <c r="E130" s="13">
        <v>128636775.87</v>
      </c>
      <c r="F130" s="13">
        <v>45.24</v>
      </c>
      <c r="G130" s="13">
        <v>88737593.620000005</v>
      </c>
      <c r="H130" s="13">
        <v>31.21</v>
      </c>
      <c r="I130" s="13">
        <v>87393754.310000002</v>
      </c>
      <c r="J130" s="13">
        <v>30.74</v>
      </c>
      <c r="K130" s="12"/>
      <c r="L130" s="12"/>
    </row>
    <row r="131" spans="1:12" x14ac:dyDescent="0.25">
      <c r="A131" s="2" t="s">
        <v>186</v>
      </c>
      <c r="B131" s="4" t="s">
        <v>1054</v>
      </c>
      <c r="C131" s="13">
        <v>56804600</v>
      </c>
      <c r="D131" s="13">
        <v>80367893.260000005</v>
      </c>
      <c r="E131" s="13">
        <v>30618231.710000001</v>
      </c>
      <c r="F131" s="13">
        <v>38.1</v>
      </c>
      <c r="G131" s="13">
        <v>14280762.59</v>
      </c>
      <c r="H131" s="13">
        <v>17.77</v>
      </c>
      <c r="I131" s="13">
        <v>9593565.8399999999</v>
      </c>
      <c r="J131" s="13">
        <v>11.94</v>
      </c>
      <c r="K131" s="12"/>
      <c r="L131" s="12"/>
    </row>
    <row r="132" spans="1:12" x14ac:dyDescent="0.25">
      <c r="A132" s="3" t="s">
        <v>188</v>
      </c>
      <c r="B132" s="5" t="s">
        <v>1132</v>
      </c>
      <c r="C132" s="11">
        <v>28053000</v>
      </c>
      <c r="D132" s="11">
        <v>33788080.890000001</v>
      </c>
      <c r="E132" s="11">
        <v>7525405.5</v>
      </c>
      <c r="F132" s="11">
        <v>22.27</v>
      </c>
      <c r="G132" s="11">
        <v>5663501.5099999998</v>
      </c>
      <c r="H132" s="11">
        <v>16.760000000000002</v>
      </c>
      <c r="I132" s="11">
        <v>4928263.51</v>
      </c>
      <c r="J132" s="11">
        <v>14.59</v>
      </c>
      <c r="K132" s="12"/>
      <c r="L132" s="12"/>
    </row>
    <row r="133" spans="1:12" x14ac:dyDescent="0.25">
      <c r="A133" s="2" t="s">
        <v>190</v>
      </c>
      <c r="B133" s="4" t="s">
        <v>1051</v>
      </c>
      <c r="C133" s="13">
        <v>28053000</v>
      </c>
      <c r="D133" s="13">
        <v>33788080.890000001</v>
      </c>
      <c r="E133" s="13">
        <v>7525405.5</v>
      </c>
      <c r="F133" s="13">
        <v>22.27</v>
      </c>
      <c r="G133" s="13">
        <v>5663501.5099999998</v>
      </c>
      <c r="H133" s="13">
        <v>16.760000000000002</v>
      </c>
      <c r="I133" s="13">
        <v>4928263.51</v>
      </c>
      <c r="J133" s="13">
        <v>14.59</v>
      </c>
      <c r="K133" s="12"/>
      <c r="L133" s="12"/>
    </row>
    <row r="134" spans="1:12" x14ac:dyDescent="0.25">
      <c r="A134" s="2" t="s">
        <v>192</v>
      </c>
      <c r="B134" s="4" t="s">
        <v>1054</v>
      </c>
      <c r="C134" s="13">
        <v>0</v>
      </c>
      <c r="D134" s="13">
        <v>0</v>
      </c>
      <c r="E134" s="13">
        <v>0</v>
      </c>
      <c r="F134" s="13">
        <v>0</v>
      </c>
      <c r="G134" s="13">
        <v>0</v>
      </c>
      <c r="H134" s="13">
        <v>0</v>
      </c>
      <c r="I134" s="13">
        <v>0</v>
      </c>
      <c r="J134" s="13">
        <v>0</v>
      </c>
      <c r="K134" s="12"/>
      <c r="L134" s="12"/>
    </row>
    <row r="135" spans="1:12" x14ac:dyDescent="0.25">
      <c r="A135" s="3" t="s">
        <v>194</v>
      </c>
      <c r="B135" s="5" t="s">
        <v>1133</v>
      </c>
      <c r="C135" s="11">
        <v>3614000</v>
      </c>
      <c r="D135" s="11">
        <v>3614000</v>
      </c>
      <c r="E135" s="11">
        <v>824715.89</v>
      </c>
      <c r="F135" s="11">
        <v>22.82</v>
      </c>
      <c r="G135" s="11">
        <v>481716.08</v>
      </c>
      <c r="H135" s="11">
        <v>13.33</v>
      </c>
      <c r="I135" s="11">
        <v>481416.08</v>
      </c>
      <c r="J135" s="11">
        <v>13.32</v>
      </c>
      <c r="K135" s="12"/>
      <c r="L135" s="12"/>
    </row>
    <row r="136" spans="1:12" x14ac:dyDescent="0.25">
      <c r="A136" s="2" t="s">
        <v>196</v>
      </c>
      <c r="B136" s="4" t="s">
        <v>1051</v>
      </c>
      <c r="C136" s="13">
        <v>3614000</v>
      </c>
      <c r="D136" s="13">
        <v>3614000</v>
      </c>
      <c r="E136" s="13">
        <v>824715.89</v>
      </c>
      <c r="F136" s="13">
        <v>22.82</v>
      </c>
      <c r="G136" s="13">
        <v>481716.08</v>
      </c>
      <c r="H136" s="13">
        <v>13.33</v>
      </c>
      <c r="I136" s="13">
        <v>481416.08</v>
      </c>
      <c r="J136" s="13">
        <v>13.32</v>
      </c>
      <c r="K136" s="12"/>
      <c r="L136" s="12"/>
    </row>
    <row r="137" spans="1:12" x14ac:dyDescent="0.25">
      <c r="A137" s="2" t="s">
        <v>198</v>
      </c>
      <c r="B137" s="4" t="s">
        <v>1054</v>
      </c>
      <c r="C137" s="13">
        <v>0</v>
      </c>
      <c r="D137" s="13">
        <v>0</v>
      </c>
      <c r="E137" s="13">
        <v>0</v>
      </c>
      <c r="F137" s="13">
        <v>0</v>
      </c>
      <c r="G137" s="13">
        <v>0</v>
      </c>
      <c r="H137" s="13">
        <v>0</v>
      </c>
      <c r="I137" s="13">
        <v>0</v>
      </c>
      <c r="J137" s="13">
        <v>0</v>
      </c>
      <c r="K137" s="12"/>
      <c r="L137" s="12"/>
    </row>
    <row r="138" spans="1:12" x14ac:dyDescent="0.25">
      <c r="A138" s="3" t="s">
        <v>200</v>
      </c>
      <c r="B138" s="5" t="s">
        <v>1134</v>
      </c>
      <c r="C138" s="11">
        <v>17227600</v>
      </c>
      <c r="D138" s="11">
        <v>16715208</v>
      </c>
      <c r="E138" s="11">
        <v>6414201.2400000002</v>
      </c>
      <c r="F138" s="11">
        <v>38.369999999999997</v>
      </c>
      <c r="G138" s="11">
        <v>4857648.3899999997</v>
      </c>
      <c r="H138" s="11">
        <v>29.06</v>
      </c>
      <c r="I138" s="11">
        <v>4806669.92</v>
      </c>
      <c r="J138" s="11">
        <v>28.76</v>
      </c>
      <c r="K138" s="12"/>
      <c r="L138" s="12"/>
    </row>
    <row r="139" spans="1:12" x14ac:dyDescent="0.25">
      <c r="A139" s="2" t="s">
        <v>202</v>
      </c>
      <c r="B139" s="4" t="s">
        <v>1051</v>
      </c>
      <c r="C139" s="13">
        <v>15063100</v>
      </c>
      <c r="D139" s="13">
        <v>15125923</v>
      </c>
      <c r="E139" s="13">
        <v>6412776.3399999999</v>
      </c>
      <c r="F139" s="13">
        <v>42.4</v>
      </c>
      <c r="G139" s="13">
        <v>4856223.49</v>
      </c>
      <c r="H139" s="13">
        <v>32.11</v>
      </c>
      <c r="I139" s="13">
        <v>4805245.0199999996</v>
      </c>
      <c r="J139" s="13">
        <v>31.77</v>
      </c>
      <c r="K139" s="12"/>
      <c r="L139" s="12"/>
    </row>
    <row r="140" spans="1:12" x14ac:dyDescent="0.25">
      <c r="A140" s="2" t="s">
        <v>204</v>
      </c>
      <c r="B140" s="4" t="s">
        <v>1054</v>
      </c>
      <c r="C140" s="13">
        <v>2164500</v>
      </c>
      <c r="D140" s="13">
        <v>1589285</v>
      </c>
      <c r="E140" s="13">
        <v>1424.9</v>
      </c>
      <c r="F140" s="13">
        <v>0.09</v>
      </c>
      <c r="G140" s="13">
        <v>1424.9</v>
      </c>
      <c r="H140" s="13">
        <v>0.09</v>
      </c>
      <c r="I140" s="13">
        <v>1424.9</v>
      </c>
      <c r="J140" s="13">
        <v>0.09</v>
      </c>
      <c r="K140" s="12"/>
      <c r="L140" s="12"/>
    </row>
    <row r="141" spans="1:12" x14ac:dyDescent="0.25">
      <c r="A141" s="3" t="s">
        <v>206</v>
      </c>
      <c r="B141" s="5" t="s">
        <v>1135</v>
      </c>
      <c r="C141" s="11">
        <v>567000</v>
      </c>
      <c r="D141" s="11">
        <v>567000</v>
      </c>
      <c r="E141" s="11">
        <v>294537.5</v>
      </c>
      <c r="F141" s="11">
        <v>51.95</v>
      </c>
      <c r="G141" s="11">
        <v>121756.91</v>
      </c>
      <c r="H141" s="11">
        <v>21.47</v>
      </c>
      <c r="I141" s="11">
        <v>121756.91</v>
      </c>
      <c r="J141" s="11">
        <v>21.47</v>
      </c>
      <c r="K141" s="12"/>
      <c r="L141" s="12"/>
    </row>
    <row r="142" spans="1:12" x14ac:dyDescent="0.25">
      <c r="A142" s="2" t="s">
        <v>208</v>
      </c>
      <c r="B142" s="4" t="s">
        <v>1051</v>
      </c>
      <c r="C142" s="13">
        <v>567000</v>
      </c>
      <c r="D142" s="13">
        <v>567000</v>
      </c>
      <c r="E142" s="13">
        <v>294537.5</v>
      </c>
      <c r="F142" s="13">
        <v>51.95</v>
      </c>
      <c r="G142" s="13">
        <v>121756.91</v>
      </c>
      <c r="H142" s="13">
        <v>21.47</v>
      </c>
      <c r="I142" s="13">
        <v>121756.91</v>
      </c>
      <c r="J142" s="13">
        <v>21.47</v>
      </c>
      <c r="K142" s="12"/>
      <c r="L142" s="12"/>
    </row>
    <row r="143" spans="1:12" x14ac:dyDescent="0.25">
      <c r="A143" s="2" t="s">
        <v>210</v>
      </c>
      <c r="B143" s="4" t="s">
        <v>1054</v>
      </c>
      <c r="C143" s="13">
        <v>0</v>
      </c>
      <c r="D143" s="13">
        <v>0</v>
      </c>
      <c r="E143" s="13">
        <v>0</v>
      </c>
      <c r="F143" s="13">
        <v>0</v>
      </c>
      <c r="G143" s="13">
        <v>0</v>
      </c>
      <c r="H143" s="13">
        <v>0</v>
      </c>
      <c r="I143" s="13">
        <v>0</v>
      </c>
      <c r="J143" s="13">
        <v>0</v>
      </c>
      <c r="K143" s="12"/>
      <c r="L143" s="12"/>
    </row>
    <row r="144" spans="1:12" x14ac:dyDescent="0.25">
      <c r="A144" s="3" t="s">
        <v>212</v>
      </c>
      <c r="B144" s="5" t="s">
        <v>1136</v>
      </c>
      <c r="C144" s="11">
        <v>2756000</v>
      </c>
      <c r="D144" s="11">
        <v>2706000</v>
      </c>
      <c r="E144" s="11">
        <v>1373653.99</v>
      </c>
      <c r="F144" s="11">
        <v>50.76</v>
      </c>
      <c r="G144" s="11">
        <v>687242.3</v>
      </c>
      <c r="H144" s="11">
        <v>25.4</v>
      </c>
      <c r="I144" s="11">
        <v>675200.8</v>
      </c>
      <c r="J144" s="11">
        <v>24.95</v>
      </c>
      <c r="K144" s="12"/>
      <c r="L144" s="12"/>
    </row>
    <row r="145" spans="1:12" x14ac:dyDescent="0.25">
      <c r="A145" s="2" t="s">
        <v>214</v>
      </c>
      <c r="B145" s="4" t="s">
        <v>1051</v>
      </c>
      <c r="C145" s="13">
        <v>2557000</v>
      </c>
      <c r="D145" s="13">
        <v>2407000</v>
      </c>
      <c r="E145" s="13">
        <v>1268663.99</v>
      </c>
      <c r="F145" s="13">
        <v>52.71</v>
      </c>
      <c r="G145" s="13">
        <v>627242.30000000005</v>
      </c>
      <c r="H145" s="13">
        <v>26.06</v>
      </c>
      <c r="I145" s="13">
        <v>615200.80000000005</v>
      </c>
      <c r="J145" s="13">
        <v>25.56</v>
      </c>
      <c r="K145" s="12"/>
      <c r="L145" s="12"/>
    </row>
    <row r="146" spans="1:12" x14ac:dyDescent="0.25">
      <c r="A146" s="2" t="s">
        <v>216</v>
      </c>
      <c r="B146" s="4" t="s">
        <v>1054</v>
      </c>
      <c r="C146" s="13">
        <v>199000</v>
      </c>
      <c r="D146" s="13">
        <v>299000</v>
      </c>
      <c r="E146" s="13">
        <v>104990</v>
      </c>
      <c r="F146" s="13">
        <v>35.11</v>
      </c>
      <c r="G146" s="13">
        <v>60000</v>
      </c>
      <c r="H146" s="13">
        <v>20.07</v>
      </c>
      <c r="I146" s="13">
        <v>60000</v>
      </c>
      <c r="J146" s="13">
        <v>20.07</v>
      </c>
      <c r="K146" s="12"/>
      <c r="L146" s="12"/>
    </row>
    <row r="147" spans="1:12" x14ac:dyDescent="0.25">
      <c r="A147" s="3" t="s">
        <v>217</v>
      </c>
      <c r="B147" s="5" t="s">
        <v>1137</v>
      </c>
      <c r="C147" s="11">
        <v>332883900</v>
      </c>
      <c r="D147" s="11">
        <v>422072554.25</v>
      </c>
      <c r="E147" s="11">
        <v>175687521.69999999</v>
      </c>
      <c r="F147" s="11">
        <v>41.62</v>
      </c>
      <c r="G147" s="11">
        <v>114830221.40000001</v>
      </c>
      <c r="H147" s="11">
        <v>27.21</v>
      </c>
      <c r="I147" s="11">
        <v>108000627.37</v>
      </c>
      <c r="J147" s="11">
        <v>25.59</v>
      </c>
      <c r="K147" s="12"/>
      <c r="L147" s="12"/>
    </row>
    <row r="148" spans="1:12" x14ac:dyDescent="0.25">
      <c r="C148" s="12"/>
      <c r="D148" s="12"/>
      <c r="E148" s="12"/>
      <c r="F148" s="12"/>
      <c r="G148" s="12"/>
      <c r="H148" s="12"/>
      <c r="I148" s="12"/>
      <c r="J148" s="12"/>
      <c r="K148" s="12"/>
      <c r="L148" s="12"/>
    </row>
    <row r="149" spans="1:12" x14ac:dyDescent="0.25">
      <c r="A149" s="10" t="s">
        <v>6</v>
      </c>
      <c r="B149" s="10" t="s">
        <v>1138</v>
      </c>
      <c r="C149" s="14" t="s">
        <v>409</v>
      </c>
      <c r="D149" s="14" t="s">
        <v>622</v>
      </c>
      <c r="E149" s="14" t="s">
        <v>170</v>
      </c>
      <c r="F149" s="14" t="s">
        <v>7</v>
      </c>
      <c r="G149" s="14" t="s">
        <v>174</v>
      </c>
      <c r="H149" s="14" t="s">
        <v>7</v>
      </c>
      <c r="I149" s="14" t="s">
        <v>1048</v>
      </c>
      <c r="J149" s="14" t="s">
        <v>1048</v>
      </c>
      <c r="K149" s="12"/>
      <c r="L149" s="12"/>
    </row>
    <row r="150" spans="1:12" ht="21" x14ac:dyDescent="0.25">
      <c r="A150" s="10" t="s">
        <v>7</v>
      </c>
      <c r="B150" s="10" t="s">
        <v>7</v>
      </c>
      <c r="C150" s="14" t="s">
        <v>7</v>
      </c>
      <c r="D150" s="14" t="s">
        <v>7</v>
      </c>
      <c r="E150" s="15" t="s">
        <v>414</v>
      </c>
      <c r="F150" s="15" t="s">
        <v>1045</v>
      </c>
      <c r="G150" s="15" t="s">
        <v>1139</v>
      </c>
      <c r="H150" s="15" t="s">
        <v>1047</v>
      </c>
      <c r="I150" s="15" t="s">
        <v>172</v>
      </c>
      <c r="J150" s="15" t="s">
        <v>1049</v>
      </c>
      <c r="K150" s="12"/>
      <c r="L150" s="12"/>
    </row>
    <row r="151" spans="1:12" x14ac:dyDescent="0.25">
      <c r="A151" s="2" t="s">
        <v>218</v>
      </c>
      <c r="B151" s="4" t="s">
        <v>1140</v>
      </c>
      <c r="C151" s="13">
        <v>69740000</v>
      </c>
      <c r="D151" s="13">
        <v>60210500</v>
      </c>
      <c r="E151" s="13">
        <v>34094128.25</v>
      </c>
      <c r="F151" s="13">
        <v>56.62</v>
      </c>
      <c r="G151" s="13">
        <v>24790104.620000001</v>
      </c>
      <c r="H151" s="13">
        <v>41.17</v>
      </c>
      <c r="I151" s="13">
        <v>24780640.719999999</v>
      </c>
      <c r="J151" s="13">
        <v>41.16</v>
      </c>
      <c r="K151" s="12"/>
      <c r="L151" s="12"/>
    </row>
    <row r="152" spans="1:12" x14ac:dyDescent="0.25">
      <c r="A152" s="2" t="s">
        <v>220</v>
      </c>
      <c r="B152" s="4" t="s">
        <v>1141</v>
      </c>
      <c r="C152" s="13">
        <v>1205835300</v>
      </c>
      <c r="D152" s="13">
        <v>1202851327.3599999</v>
      </c>
      <c r="E152" s="13">
        <v>725500742.12</v>
      </c>
      <c r="F152" s="13">
        <v>60.32</v>
      </c>
      <c r="G152" s="13">
        <v>520626323.37</v>
      </c>
      <c r="H152" s="13">
        <v>43.28</v>
      </c>
      <c r="I152" s="13">
        <v>513370627.38</v>
      </c>
      <c r="J152" s="13">
        <v>42.68</v>
      </c>
      <c r="K152" s="12"/>
      <c r="L152" s="12"/>
    </row>
    <row r="153" spans="1:12" x14ac:dyDescent="0.25">
      <c r="A153" s="2" t="s">
        <v>222</v>
      </c>
      <c r="B153" s="4" t="s">
        <v>1142</v>
      </c>
      <c r="C153" s="13">
        <v>82254000</v>
      </c>
      <c r="D153" s="13">
        <v>115683280.89</v>
      </c>
      <c r="E153" s="13">
        <v>44930550.240000002</v>
      </c>
      <c r="F153" s="13">
        <v>38.840000000000003</v>
      </c>
      <c r="G153" s="13">
        <v>28014766.809999999</v>
      </c>
      <c r="H153" s="13">
        <v>24.22</v>
      </c>
      <c r="I153" s="13">
        <v>22493391.649999999</v>
      </c>
      <c r="J153" s="13">
        <v>19.440000000000001</v>
      </c>
      <c r="K153" s="12"/>
      <c r="L153" s="12"/>
    </row>
    <row r="154" spans="1:12" x14ac:dyDescent="0.25">
      <c r="A154" s="2" t="s">
        <v>224</v>
      </c>
      <c r="B154" s="4" t="s">
        <v>1143</v>
      </c>
      <c r="C154" s="13">
        <v>4114000</v>
      </c>
      <c r="D154" s="13">
        <v>4114000</v>
      </c>
      <c r="E154" s="13">
        <v>1203506.45</v>
      </c>
      <c r="F154" s="13">
        <v>29.25</v>
      </c>
      <c r="G154" s="13">
        <v>607979.6</v>
      </c>
      <c r="H154" s="13">
        <v>14.78</v>
      </c>
      <c r="I154" s="13">
        <v>607679.6</v>
      </c>
      <c r="J154" s="13">
        <v>14.77</v>
      </c>
      <c r="K154" s="12"/>
      <c r="L154" s="12"/>
    </row>
    <row r="155" spans="1:12" x14ac:dyDescent="0.25">
      <c r="A155" s="2" t="s">
        <v>227</v>
      </c>
      <c r="B155" s="4" t="s">
        <v>1144</v>
      </c>
      <c r="C155" s="13">
        <v>38063600</v>
      </c>
      <c r="D155" s="13">
        <v>68646808</v>
      </c>
      <c r="E155" s="13">
        <v>48587938.799999997</v>
      </c>
      <c r="F155" s="13">
        <v>70.78</v>
      </c>
      <c r="G155" s="13">
        <v>36770164.380000003</v>
      </c>
      <c r="H155" s="13">
        <v>70.78</v>
      </c>
      <c r="I155" s="13">
        <v>36719185.909999996</v>
      </c>
      <c r="J155" s="13">
        <v>70.78</v>
      </c>
      <c r="K155" s="12"/>
      <c r="L155" s="12"/>
    </row>
    <row r="156" spans="1:12" x14ac:dyDescent="0.25">
      <c r="A156" s="2" t="s">
        <v>229</v>
      </c>
      <c r="B156" s="4" t="s">
        <v>1145</v>
      </c>
      <c r="C156" s="13">
        <v>42773000</v>
      </c>
      <c r="D156" s="13">
        <v>42773000</v>
      </c>
      <c r="E156" s="13">
        <v>23624362.460000001</v>
      </c>
      <c r="F156" s="13">
        <v>55.23</v>
      </c>
      <c r="G156" s="13">
        <v>19536322.170000002</v>
      </c>
      <c r="H156" s="13">
        <v>45.67</v>
      </c>
      <c r="I156" s="13">
        <v>18568812.550000001</v>
      </c>
      <c r="J156" s="13">
        <v>43.41</v>
      </c>
      <c r="K156" s="12"/>
      <c r="L156" s="12"/>
    </row>
    <row r="157" spans="1:12" x14ac:dyDescent="0.25">
      <c r="A157" s="2" t="s">
        <v>231</v>
      </c>
      <c r="B157" s="4" t="s">
        <v>1146</v>
      </c>
      <c r="C157" s="13">
        <v>379966900</v>
      </c>
      <c r="D157" s="13">
        <v>482564184</v>
      </c>
      <c r="E157" s="13">
        <v>381488463.33999997</v>
      </c>
      <c r="F157" s="13">
        <v>79.05</v>
      </c>
      <c r="G157" s="13">
        <v>295506043.73000002</v>
      </c>
      <c r="H157" s="13">
        <v>61.24</v>
      </c>
      <c r="I157" s="13">
        <v>262842535.63999999</v>
      </c>
      <c r="J157" s="13">
        <v>54.47</v>
      </c>
      <c r="K157" s="12"/>
      <c r="L157" s="12"/>
    </row>
    <row r="158" spans="1:12" x14ac:dyDescent="0.25">
      <c r="A158" s="2" t="s">
        <v>233</v>
      </c>
      <c r="B158" s="4" t="s">
        <v>1147</v>
      </c>
      <c r="C158" s="13">
        <v>1822746800</v>
      </c>
      <c r="D158" s="13">
        <v>1976843100.25</v>
      </c>
      <c r="E158" s="13">
        <v>1259429691.6600001</v>
      </c>
      <c r="F158" s="13">
        <v>63.71</v>
      </c>
      <c r="G158" s="13">
        <v>925851704.67999995</v>
      </c>
      <c r="H158" s="13">
        <v>46.83</v>
      </c>
      <c r="I158" s="13">
        <v>879382873.45000005</v>
      </c>
      <c r="J158" s="13">
        <v>44.48</v>
      </c>
      <c r="K158" s="12"/>
      <c r="L158" s="12"/>
    </row>
    <row r="159" spans="1:12" x14ac:dyDescent="0.25">
      <c r="A159" s="2" t="s">
        <v>235</v>
      </c>
      <c r="B159" s="4" t="s">
        <v>1148</v>
      </c>
      <c r="C159" s="13">
        <v>332883900</v>
      </c>
      <c r="D159" s="13">
        <v>422072554.25</v>
      </c>
      <c r="E159" s="13">
        <v>175687521.69999999</v>
      </c>
      <c r="F159" s="13">
        <v>41.62</v>
      </c>
      <c r="G159" s="13">
        <v>114830221.40000001</v>
      </c>
      <c r="H159" s="13">
        <v>27.21</v>
      </c>
      <c r="I159" s="13">
        <v>108000627.37</v>
      </c>
      <c r="J159" s="13">
        <v>25.59</v>
      </c>
      <c r="K159" s="12"/>
      <c r="L159" s="12"/>
    </row>
    <row r="160" spans="1:12" x14ac:dyDescent="0.25">
      <c r="A160" s="2" t="s">
        <v>237</v>
      </c>
      <c r="B160" s="4" t="s">
        <v>1149</v>
      </c>
      <c r="C160" s="13">
        <v>1489862900</v>
      </c>
      <c r="D160" s="13">
        <v>1554770546</v>
      </c>
      <c r="E160" s="13">
        <v>1083742169.96</v>
      </c>
      <c r="F160" s="13">
        <v>69.7</v>
      </c>
      <c r="G160" s="13">
        <v>811021483.27999997</v>
      </c>
      <c r="H160" s="13">
        <v>52.16</v>
      </c>
      <c r="I160" s="13">
        <v>771382246.08000004</v>
      </c>
      <c r="J160" s="13">
        <v>49.61</v>
      </c>
      <c r="K160" s="12"/>
      <c r="L160" s="12"/>
    </row>
    <row r="161" spans="3:12" x14ac:dyDescent="0.25">
      <c r="C161" s="12"/>
      <c r="D161" s="12"/>
      <c r="E161" s="12"/>
      <c r="F161" s="12"/>
      <c r="G161" s="12"/>
      <c r="H161" s="12"/>
      <c r="I161" s="12"/>
      <c r="J161" s="12"/>
      <c r="K161" s="12"/>
      <c r="L161" s="12"/>
    </row>
  </sheetData>
  <mergeCells count="82">
    <mergeCell ref="G124:H124"/>
    <mergeCell ref="I124:J124"/>
    <mergeCell ref="A149:A150"/>
    <mergeCell ref="B149:B150"/>
    <mergeCell ref="C149:C150"/>
    <mergeCell ref="D149:D150"/>
    <mergeCell ref="E149:F149"/>
    <mergeCell ref="G149:H149"/>
    <mergeCell ref="I149:J149"/>
    <mergeCell ref="A124:A125"/>
    <mergeCell ref="B124:B125"/>
    <mergeCell ref="C124:C125"/>
    <mergeCell ref="D124:D125"/>
    <mergeCell ref="E124:F124"/>
    <mergeCell ref="D107:F107"/>
    <mergeCell ref="G107:G108"/>
    <mergeCell ref="A114:A115"/>
    <mergeCell ref="B114:B115"/>
    <mergeCell ref="C114:C115"/>
    <mergeCell ref="D114:D115"/>
    <mergeCell ref="E114:F114"/>
    <mergeCell ref="A101:A102"/>
    <mergeCell ref="B101:B102"/>
    <mergeCell ref="C101:C102"/>
    <mergeCell ref="A107:A108"/>
    <mergeCell ref="B107:B108"/>
    <mergeCell ref="C107:C108"/>
    <mergeCell ref="H93:H94"/>
    <mergeCell ref="I93:I94"/>
    <mergeCell ref="J93:J94"/>
    <mergeCell ref="K93:K94"/>
    <mergeCell ref="L93:L94"/>
    <mergeCell ref="G86:G87"/>
    <mergeCell ref="A93:A94"/>
    <mergeCell ref="B93:B94"/>
    <mergeCell ref="C93:C94"/>
    <mergeCell ref="D93:D94"/>
    <mergeCell ref="E93:E94"/>
    <mergeCell ref="F93:F94"/>
    <mergeCell ref="G93:G94"/>
    <mergeCell ref="A82:A83"/>
    <mergeCell ref="B82:B83"/>
    <mergeCell ref="C82:C83"/>
    <mergeCell ref="D82:D83"/>
    <mergeCell ref="A86:A87"/>
    <mergeCell ref="B86:B87"/>
    <mergeCell ref="C86:C87"/>
    <mergeCell ref="D86:F86"/>
    <mergeCell ref="D74:D75"/>
    <mergeCell ref="E74:E75"/>
    <mergeCell ref="A78:A79"/>
    <mergeCell ref="B78:B79"/>
    <mergeCell ref="C78:C79"/>
    <mergeCell ref="A69:A70"/>
    <mergeCell ref="B69:B70"/>
    <mergeCell ref="C69:C70"/>
    <mergeCell ref="A74:A75"/>
    <mergeCell ref="B74:B75"/>
    <mergeCell ref="C74:C75"/>
    <mergeCell ref="G36:H36"/>
    <mergeCell ref="I36:J36"/>
    <mergeCell ref="A61:A62"/>
    <mergeCell ref="B61:B62"/>
    <mergeCell ref="C61:C62"/>
    <mergeCell ref="D61:D62"/>
    <mergeCell ref="E61:E62"/>
    <mergeCell ref="A36:A37"/>
    <mergeCell ref="B36:B37"/>
    <mergeCell ref="C36:C37"/>
    <mergeCell ref="D36:D37"/>
    <mergeCell ref="E36:F36"/>
    <mergeCell ref="A9:L9"/>
    <mergeCell ref="A10:A11"/>
    <mergeCell ref="B10:B11"/>
    <mergeCell ref="C10:C11"/>
    <mergeCell ref="D10:D11"/>
    <mergeCell ref="E10:F10"/>
    <mergeCell ref="A3:L3"/>
    <mergeCell ref="A4:L4"/>
    <mergeCell ref="A5:L5"/>
    <mergeCell ref="A6:L6"/>
    <mergeCell ref="A7:L7"/>
  </mergeCells>
  <pageMargins left="0.7" right="0.7" top="0.75" bottom="0.75" header="0.3" footer="0.3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I58"/>
  <sheetViews>
    <sheetView showGridLines="0" workbookViewId="0"/>
  </sheetViews>
  <sheetFormatPr defaultRowHeight="15" x14ac:dyDescent="0.25"/>
  <cols>
    <col min="1" max="1" width="2.7109375" bestFit="1" customWidth="1"/>
    <col min="2" max="2" width="84.140625" bestFit="1" customWidth="1"/>
    <col min="3" max="4" width="14.85546875" bestFit="1" customWidth="1"/>
    <col min="5" max="5" width="11" bestFit="1" customWidth="1"/>
    <col min="6" max="6" width="14.85546875" bestFit="1" customWidth="1"/>
    <col min="7" max="7" width="9.28515625" bestFit="1" customWidth="1"/>
    <col min="8" max="8" width="14.85546875" bestFit="1" customWidth="1"/>
    <col min="9" max="9" width="9.28515625" bestFit="1" customWidth="1"/>
  </cols>
  <sheetData>
    <row r="3" spans="1:9" x14ac:dyDescent="0.25">
      <c r="A3" s="6" t="s">
        <v>0</v>
      </c>
      <c r="B3" s="7"/>
      <c r="C3" s="7"/>
      <c r="D3" s="7"/>
      <c r="E3" s="7"/>
      <c r="F3" s="7"/>
      <c r="G3" s="7"/>
      <c r="H3" s="7"/>
      <c r="I3" s="7"/>
    </row>
    <row r="4" spans="1:9" x14ac:dyDescent="0.25">
      <c r="A4" s="6" t="s">
        <v>1</v>
      </c>
      <c r="B4" s="7"/>
      <c r="C4" s="7"/>
      <c r="D4" s="7"/>
      <c r="E4" s="7"/>
      <c r="F4" s="7"/>
      <c r="G4" s="7"/>
      <c r="H4" s="7"/>
      <c r="I4" s="7"/>
    </row>
    <row r="5" spans="1:9" x14ac:dyDescent="0.25">
      <c r="A5" s="8" t="s">
        <v>1150</v>
      </c>
      <c r="B5" s="7"/>
      <c r="C5" s="7"/>
      <c r="D5" s="7"/>
      <c r="E5" s="7"/>
      <c r="F5" s="7"/>
      <c r="G5" s="7"/>
      <c r="H5" s="7"/>
      <c r="I5" s="7"/>
    </row>
    <row r="6" spans="1:9" x14ac:dyDescent="0.25">
      <c r="A6" s="6" t="s">
        <v>3</v>
      </c>
      <c r="B6" s="7"/>
      <c r="C6" s="7"/>
      <c r="D6" s="7"/>
      <c r="E6" s="7"/>
      <c r="F6" s="7"/>
      <c r="G6" s="7"/>
      <c r="H6" s="7"/>
      <c r="I6" s="7"/>
    </row>
    <row r="7" spans="1:9" x14ac:dyDescent="0.25">
      <c r="A7" s="6" t="s">
        <v>4</v>
      </c>
      <c r="B7" s="7"/>
      <c r="C7" s="7"/>
      <c r="D7" s="7"/>
      <c r="E7" s="7"/>
      <c r="F7" s="7"/>
      <c r="G7" s="7"/>
      <c r="H7" s="7"/>
      <c r="I7" s="7"/>
    </row>
    <row r="9" spans="1:9" x14ac:dyDescent="0.25">
      <c r="A9" s="9" t="s">
        <v>1151</v>
      </c>
      <c r="B9" s="7"/>
      <c r="C9" s="7"/>
      <c r="D9" s="7"/>
      <c r="E9" s="7"/>
      <c r="F9" s="7"/>
      <c r="G9" s="7"/>
      <c r="H9" s="7"/>
      <c r="I9" s="7"/>
    </row>
    <row r="10" spans="1:9" x14ac:dyDescent="0.25">
      <c r="A10" s="10" t="s">
        <v>6</v>
      </c>
      <c r="B10" s="10" t="s">
        <v>1152</v>
      </c>
      <c r="C10" s="10" t="s">
        <v>1000</v>
      </c>
      <c r="D10" s="10" t="s">
        <v>170</v>
      </c>
      <c r="E10" s="10" t="s">
        <v>7</v>
      </c>
      <c r="F10" s="10" t="s">
        <v>174</v>
      </c>
      <c r="G10" s="10" t="s">
        <v>7</v>
      </c>
      <c r="H10" s="10" t="s">
        <v>1048</v>
      </c>
      <c r="I10" s="10" t="s">
        <v>1048</v>
      </c>
    </row>
    <row r="11" spans="1:9" ht="31.5" x14ac:dyDescent="0.25">
      <c r="A11" s="10" t="s">
        <v>7</v>
      </c>
      <c r="B11" s="10" t="s">
        <v>7</v>
      </c>
      <c r="C11" s="10" t="s">
        <v>7</v>
      </c>
      <c r="D11" s="1" t="s">
        <v>411</v>
      </c>
      <c r="E11" s="1" t="s">
        <v>1020</v>
      </c>
      <c r="F11" s="1" t="s">
        <v>14</v>
      </c>
      <c r="G11" s="1" t="s">
        <v>1153</v>
      </c>
      <c r="H11" s="1" t="s">
        <v>414</v>
      </c>
      <c r="I11" s="1" t="s">
        <v>1154</v>
      </c>
    </row>
    <row r="12" spans="1:9" x14ac:dyDescent="0.25">
      <c r="A12" s="3" t="s">
        <v>17</v>
      </c>
      <c r="B12" s="5" t="s">
        <v>1155</v>
      </c>
      <c r="C12" s="11">
        <v>0</v>
      </c>
      <c r="D12" s="11">
        <v>0</v>
      </c>
      <c r="E12" s="11">
        <v>0</v>
      </c>
      <c r="F12" s="11">
        <v>0</v>
      </c>
      <c r="G12" s="11">
        <v>0</v>
      </c>
      <c r="H12" s="11">
        <v>0</v>
      </c>
      <c r="I12" s="11">
        <v>0</v>
      </c>
    </row>
    <row r="13" spans="1:9" x14ac:dyDescent="0.25">
      <c r="A13" s="2" t="s">
        <v>19</v>
      </c>
      <c r="B13" s="4" t="s">
        <v>1156</v>
      </c>
      <c r="C13" s="13">
        <v>0</v>
      </c>
      <c r="D13" s="13">
        <v>0</v>
      </c>
      <c r="E13" s="13">
        <v>0</v>
      </c>
      <c r="F13" s="13">
        <v>0</v>
      </c>
      <c r="G13" s="13">
        <v>0</v>
      </c>
      <c r="H13" s="13">
        <v>0</v>
      </c>
      <c r="I13" s="13">
        <v>0</v>
      </c>
    </row>
    <row r="14" spans="1:9" x14ac:dyDescent="0.25">
      <c r="A14" s="2" t="s">
        <v>21</v>
      </c>
      <c r="B14" s="4" t="s">
        <v>1157</v>
      </c>
      <c r="C14" s="13">
        <v>0</v>
      </c>
      <c r="D14" s="13">
        <v>0</v>
      </c>
      <c r="E14" s="13">
        <v>0</v>
      </c>
      <c r="F14" s="13">
        <v>0</v>
      </c>
      <c r="G14" s="13">
        <v>0</v>
      </c>
      <c r="H14" s="13">
        <v>0</v>
      </c>
      <c r="I14" s="13">
        <v>0</v>
      </c>
    </row>
    <row r="15" spans="1:9" x14ac:dyDescent="0.25">
      <c r="A15" s="3" t="s">
        <v>23</v>
      </c>
      <c r="B15" s="5" t="s">
        <v>1158</v>
      </c>
      <c r="C15" s="11">
        <v>0</v>
      </c>
      <c r="D15" s="11">
        <v>0</v>
      </c>
      <c r="E15" s="11">
        <v>0</v>
      </c>
      <c r="F15" s="11">
        <v>0</v>
      </c>
      <c r="G15" s="11">
        <v>0</v>
      </c>
      <c r="H15" s="11">
        <v>0</v>
      </c>
      <c r="I15" s="11">
        <v>0</v>
      </c>
    </row>
    <row r="16" spans="1:9" x14ac:dyDescent="0.25">
      <c r="A16" s="2" t="s">
        <v>25</v>
      </c>
      <c r="B16" s="4" t="s">
        <v>1156</v>
      </c>
      <c r="C16" s="13">
        <v>0</v>
      </c>
      <c r="D16" s="13">
        <v>0</v>
      </c>
      <c r="E16" s="13">
        <v>0</v>
      </c>
      <c r="F16" s="13">
        <v>0</v>
      </c>
      <c r="G16" s="13">
        <v>0</v>
      </c>
      <c r="H16" s="13">
        <v>0</v>
      </c>
      <c r="I16" s="13">
        <v>0</v>
      </c>
    </row>
    <row r="17" spans="1:9" x14ac:dyDescent="0.25">
      <c r="A17" s="2" t="s">
        <v>27</v>
      </c>
      <c r="B17" s="4" t="s">
        <v>1159</v>
      </c>
      <c r="C17" s="13">
        <v>0</v>
      </c>
      <c r="D17" s="13">
        <v>0</v>
      </c>
      <c r="E17" s="13">
        <v>0</v>
      </c>
      <c r="F17" s="13">
        <v>0</v>
      </c>
      <c r="G17" s="13">
        <v>0</v>
      </c>
      <c r="H17" s="13">
        <v>0</v>
      </c>
      <c r="I17" s="13">
        <v>0</v>
      </c>
    </row>
    <row r="18" spans="1:9" x14ac:dyDescent="0.25">
      <c r="A18" s="3" t="s">
        <v>29</v>
      </c>
      <c r="B18" s="5" t="s">
        <v>1160</v>
      </c>
      <c r="C18" s="11">
        <v>1917793.36</v>
      </c>
      <c r="D18" s="11">
        <v>1917793.36</v>
      </c>
      <c r="E18" s="11">
        <v>100</v>
      </c>
      <c r="F18" s="11">
        <v>1917793.36</v>
      </c>
      <c r="G18" s="11">
        <v>100</v>
      </c>
      <c r="H18" s="11">
        <v>1917793.36</v>
      </c>
      <c r="I18" s="11">
        <v>100</v>
      </c>
    </row>
    <row r="19" spans="1:9" x14ac:dyDescent="0.25">
      <c r="A19" s="2" t="s">
        <v>31</v>
      </c>
      <c r="B19" s="4" t="s">
        <v>1156</v>
      </c>
      <c r="C19" s="13">
        <v>1917793.36</v>
      </c>
      <c r="D19" s="13">
        <v>1917793.36</v>
      </c>
      <c r="E19" s="13">
        <v>100</v>
      </c>
      <c r="F19" s="13">
        <v>1917793.36</v>
      </c>
      <c r="G19" s="13">
        <v>100</v>
      </c>
      <c r="H19" s="13">
        <v>1917793.36</v>
      </c>
      <c r="I19" s="13">
        <v>100</v>
      </c>
    </row>
    <row r="20" spans="1:9" x14ac:dyDescent="0.25">
      <c r="A20" s="2" t="s">
        <v>33</v>
      </c>
      <c r="B20" s="4" t="s">
        <v>1159</v>
      </c>
      <c r="C20" s="13">
        <v>0</v>
      </c>
      <c r="D20" s="13">
        <v>0</v>
      </c>
      <c r="E20" s="13">
        <v>0</v>
      </c>
      <c r="F20" s="13">
        <v>0</v>
      </c>
      <c r="G20" s="13">
        <v>0</v>
      </c>
      <c r="H20" s="13">
        <v>0</v>
      </c>
      <c r="I20" s="13">
        <v>0</v>
      </c>
    </row>
    <row r="21" spans="1:9" x14ac:dyDescent="0.25">
      <c r="A21" s="3" t="s">
        <v>35</v>
      </c>
      <c r="B21" s="5" t="s">
        <v>1161</v>
      </c>
      <c r="C21" s="11">
        <v>0</v>
      </c>
      <c r="D21" s="11">
        <v>0</v>
      </c>
      <c r="E21" s="11">
        <v>0</v>
      </c>
      <c r="F21" s="11">
        <v>0</v>
      </c>
      <c r="G21" s="11">
        <v>0</v>
      </c>
      <c r="H21" s="11">
        <v>0</v>
      </c>
      <c r="I21" s="11">
        <v>0</v>
      </c>
    </row>
    <row r="22" spans="1:9" x14ac:dyDescent="0.25">
      <c r="A22" s="2" t="s">
        <v>37</v>
      </c>
      <c r="B22" s="4" t="s">
        <v>1156</v>
      </c>
      <c r="C22" s="13">
        <v>0</v>
      </c>
      <c r="D22" s="13">
        <v>0</v>
      </c>
      <c r="E22" s="13">
        <v>0</v>
      </c>
      <c r="F22" s="13">
        <v>0</v>
      </c>
      <c r="G22" s="13">
        <v>0</v>
      </c>
      <c r="H22" s="13">
        <v>0</v>
      </c>
      <c r="I22" s="13">
        <v>0</v>
      </c>
    </row>
    <row r="23" spans="1:9" x14ac:dyDescent="0.25">
      <c r="A23" s="2" t="s">
        <v>39</v>
      </c>
      <c r="B23" s="4" t="s">
        <v>1157</v>
      </c>
      <c r="C23" s="13">
        <v>0</v>
      </c>
      <c r="D23" s="13">
        <v>0</v>
      </c>
      <c r="E23" s="13">
        <v>0</v>
      </c>
      <c r="F23" s="13">
        <v>0</v>
      </c>
      <c r="G23" s="13">
        <v>0</v>
      </c>
      <c r="H23" s="13">
        <v>0</v>
      </c>
      <c r="I23" s="13">
        <v>0</v>
      </c>
    </row>
    <row r="24" spans="1:9" x14ac:dyDescent="0.25">
      <c r="A24" s="3" t="s">
        <v>41</v>
      </c>
      <c r="B24" s="5" t="s">
        <v>1162</v>
      </c>
      <c r="C24" s="11">
        <v>0</v>
      </c>
      <c r="D24" s="11">
        <v>0</v>
      </c>
      <c r="E24" s="11">
        <v>0</v>
      </c>
      <c r="F24" s="11">
        <v>0</v>
      </c>
      <c r="G24" s="11">
        <v>0</v>
      </c>
      <c r="H24" s="11">
        <v>0</v>
      </c>
      <c r="I24" s="11">
        <v>0</v>
      </c>
    </row>
    <row r="25" spans="1:9" x14ac:dyDescent="0.25">
      <c r="A25" s="2" t="s">
        <v>43</v>
      </c>
      <c r="B25" s="4" t="s">
        <v>1156</v>
      </c>
      <c r="C25" s="13">
        <v>0</v>
      </c>
      <c r="D25" s="13">
        <v>0</v>
      </c>
      <c r="E25" s="13">
        <v>0</v>
      </c>
      <c r="F25" s="13">
        <v>0</v>
      </c>
      <c r="G25" s="13">
        <v>0</v>
      </c>
      <c r="H25" s="13">
        <v>0</v>
      </c>
      <c r="I25" s="13">
        <v>0</v>
      </c>
    </row>
    <row r="26" spans="1:9" x14ac:dyDescent="0.25">
      <c r="A26" s="2" t="s">
        <v>45</v>
      </c>
      <c r="B26" s="4" t="s">
        <v>1157</v>
      </c>
      <c r="C26" s="13">
        <v>0</v>
      </c>
      <c r="D26" s="13">
        <v>0</v>
      </c>
      <c r="E26" s="13">
        <v>0</v>
      </c>
      <c r="F26" s="13">
        <v>0</v>
      </c>
      <c r="G26" s="13">
        <v>0</v>
      </c>
      <c r="H26" s="13">
        <v>0</v>
      </c>
      <c r="I26" s="13">
        <v>0</v>
      </c>
    </row>
    <row r="27" spans="1:9" x14ac:dyDescent="0.25">
      <c r="A27" s="3" t="s">
        <v>47</v>
      </c>
      <c r="B27" s="5" t="s">
        <v>1163</v>
      </c>
      <c r="C27" s="11">
        <v>0</v>
      </c>
      <c r="D27" s="11">
        <v>0</v>
      </c>
      <c r="E27" s="11">
        <v>0</v>
      </c>
      <c r="F27" s="11">
        <v>0</v>
      </c>
      <c r="G27" s="11">
        <v>0</v>
      </c>
      <c r="H27" s="11">
        <v>0</v>
      </c>
      <c r="I27" s="11">
        <v>0</v>
      </c>
    </row>
    <row r="28" spans="1:9" x14ac:dyDescent="0.25">
      <c r="A28" s="2" t="s">
        <v>49</v>
      </c>
      <c r="B28" s="4" t="s">
        <v>1164</v>
      </c>
      <c r="C28" s="13">
        <v>0</v>
      </c>
      <c r="D28" s="13">
        <v>0</v>
      </c>
      <c r="E28" s="13">
        <v>0</v>
      </c>
      <c r="F28" s="13">
        <v>0</v>
      </c>
      <c r="G28" s="13">
        <v>0</v>
      </c>
      <c r="H28" s="13">
        <v>0</v>
      </c>
      <c r="I28" s="13">
        <v>0</v>
      </c>
    </row>
    <row r="29" spans="1:9" x14ac:dyDescent="0.25">
      <c r="A29" s="2" t="s">
        <v>51</v>
      </c>
      <c r="B29" s="4" t="s">
        <v>1157</v>
      </c>
      <c r="C29" s="13">
        <v>0</v>
      </c>
      <c r="D29" s="13">
        <v>0</v>
      </c>
      <c r="E29" s="13">
        <v>0</v>
      </c>
      <c r="F29" s="13">
        <v>0</v>
      </c>
      <c r="G29" s="13">
        <v>0</v>
      </c>
      <c r="H29" s="13">
        <v>0</v>
      </c>
      <c r="I29" s="13">
        <v>0</v>
      </c>
    </row>
    <row r="30" spans="1:9" x14ac:dyDescent="0.25">
      <c r="A30" s="3" t="s">
        <v>53</v>
      </c>
      <c r="B30" s="5" t="s">
        <v>1165</v>
      </c>
      <c r="C30" s="11">
        <v>0</v>
      </c>
      <c r="D30" s="11">
        <v>0</v>
      </c>
      <c r="E30" s="11">
        <v>0</v>
      </c>
      <c r="F30" s="11">
        <v>0</v>
      </c>
      <c r="G30" s="11">
        <v>0</v>
      </c>
      <c r="H30" s="11">
        <v>0</v>
      </c>
      <c r="I30" s="11">
        <v>0</v>
      </c>
    </row>
    <row r="31" spans="1:9" x14ac:dyDescent="0.25">
      <c r="A31" s="2" t="s">
        <v>55</v>
      </c>
      <c r="B31" s="4" t="s">
        <v>1156</v>
      </c>
      <c r="C31" s="13">
        <v>0</v>
      </c>
      <c r="D31" s="13">
        <v>0</v>
      </c>
      <c r="E31" s="13">
        <v>0</v>
      </c>
      <c r="F31" s="13">
        <v>0</v>
      </c>
      <c r="G31" s="13">
        <v>0</v>
      </c>
      <c r="H31" s="13">
        <v>0</v>
      </c>
      <c r="I31" s="13">
        <v>0</v>
      </c>
    </row>
    <row r="32" spans="1:9" x14ac:dyDescent="0.25">
      <c r="A32" s="2" t="s">
        <v>57</v>
      </c>
      <c r="B32" s="4" t="s">
        <v>1157</v>
      </c>
      <c r="C32" s="13">
        <v>0</v>
      </c>
      <c r="D32" s="13">
        <v>0</v>
      </c>
      <c r="E32" s="13">
        <v>0</v>
      </c>
      <c r="F32" s="13">
        <v>0</v>
      </c>
      <c r="G32" s="13">
        <v>0</v>
      </c>
      <c r="H32" s="13">
        <v>0</v>
      </c>
      <c r="I32" s="13">
        <v>0</v>
      </c>
    </row>
    <row r="33" spans="1:9" x14ac:dyDescent="0.25">
      <c r="A33" s="3" t="s">
        <v>59</v>
      </c>
      <c r="B33" s="5" t="s">
        <v>1166</v>
      </c>
      <c r="C33" s="11">
        <v>1917793.36</v>
      </c>
      <c r="D33" s="11">
        <v>1917793.36</v>
      </c>
      <c r="E33" s="11">
        <v>100</v>
      </c>
      <c r="F33" s="11">
        <v>1917793.36</v>
      </c>
      <c r="G33" s="11">
        <v>100</v>
      </c>
      <c r="H33" s="11">
        <v>1917793.36</v>
      </c>
      <c r="I33" s="11">
        <v>100</v>
      </c>
    </row>
    <row r="34" spans="1:9" x14ac:dyDescent="0.25">
      <c r="C34" s="12"/>
      <c r="D34" s="12"/>
      <c r="E34" s="12"/>
      <c r="F34" s="12"/>
      <c r="G34" s="12"/>
      <c r="H34" s="12"/>
      <c r="I34" s="12"/>
    </row>
    <row r="35" spans="1:9" x14ac:dyDescent="0.25">
      <c r="A35" s="10" t="s">
        <v>6</v>
      </c>
      <c r="B35" s="10" t="s">
        <v>1167</v>
      </c>
      <c r="C35" s="14" t="s">
        <v>1062</v>
      </c>
      <c r="D35" s="14" t="s">
        <v>1063</v>
      </c>
      <c r="E35" s="14" t="s">
        <v>1064</v>
      </c>
      <c r="F35" s="12"/>
      <c r="G35" s="12"/>
      <c r="H35" s="12"/>
      <c r="I35" s="12"/>
    </row>
    <row r="36" spans="1:9" x14ac:dyDescent="0.25">
      <c r="A36" s="10" t="s">
        <v>7</v>
      </c>
      <c r="B36" s="10" t="s">
        <v>7</v>
      </c>
      <c r="C36" s="14" t="s">
        <v>7</v>
      </c>
      <c r="D36" s="14" t="s">
        <v>7</v>
      </c>
      <c r="E36" s="14" t="s">
        <v>7</v>
      </c>
      <c r="F36" s="12"/>
      <c r="G36" s="12"/>
      <c r="H36" s="12"/>
      <c r="I36" s="12"/>
    </row>
    <row r="37" spans="1:9" x14ac:dyDescent="0.25">
      <c r="A37" s="2" t="s">
        <v>61</v>
      </c>
      <c r="B37" s="4" t="s">
        <v>1168</v>
      </c>
      <c r="C37" s="13">
        <v>0</v>
      </c>
      <c r="D37" s="13">
        <v>0</v>
      </c>
      <c r="E37" s="13">
        <v>0</v>
      </c>
      <c r="F37" s="12"/>
      <c r="G37" s="12"/>
      <c r="H37" s="12"/>
      <c r="I37" s="12"/>
    </row>
    <row r="38" spans="1:9" x14ac:dyDescent="0.25">
      <c r="A38" s="2" t="s">
        <v>63</v>
      </c>
      <c r="B38" s="4" t="s">
        <v>1169</v>
      </c>
      <c r="C38" s="13">
        <v>0</v>
      </c>
      <c r="D38" s="13">
        <v>0</v>
      </c>
      <c r="E38" s="13">
        <v>0</v>
      </c>
      <c r="F38" s="12"/>
      <c r="G38" s="12"/>
      <c r="H38" s="12"/>
      <c r="I38" s="12"/>
    </row>
    <row r="39" spans="1:9" x14ac:dyDescent="0.25">
      <c r="A39" s="2" t="s">
        <v>65</v>
      </c>
      <c r="B39" s="4" t="s">
        <v>1170</v>
      </c>
      <c r="C39" s="13">
        <v>0</v>
      </c>
      <c r="D39" s="13">
        <v>0</v>
      </c>
      <c r="E39" s="13">
        <v>0</v>
      </c>
      <c r="F39" s="12"/>
      <c r="G39" s="12"/>
      <c r="H39" s="12"/>
      <c r="I39" s="12"/>
    </row>
    <row r="40" spans="1:9" x14ac:dyDescent="0.25">
      <c r="A40" s="2" t="s">
        <v>67</v>
      </c>
      <c r="B40" s="4" t="s">
        <v>1171</v>
      </c>
      <c r="C40" s="13">
        <v>0</v>
      </c>
      <c r="D40" s="13">
        <v>0</v>
      </c>
      <c r="E40" s="13">
        <v>0</v>
      </c>
      <c r="F40" s="12"/>
      <c r="G40" s="12"/>
      <c r="H40" s="12"/>
      <c r="I40" s="12"/>
    </row>
    <row r="41" spans="1:9" x14ac:dyDescent="0.25">
      <c r="C41" s="12"/>
      <c r="D41" s="12"/>
      <c r="E41" s="12"/>
      <c r="F41" s="12"/>
      <c r="G41" s="12"/>
      <c r="H41" s="12"/>
      <c r="I41" s="12"/>
    </row>
    <row r="42" spans="1:9" x14ac:dyDescent="0.25">
      <c r="C42" s="12"/>
      <c r="D42" s="12"/>
      <c r="E42" s="12"/>
      <c r="F42" s="12"/>
      <c r="G42" s="12"/>
      <c r="H42" s="12"/>
      <c r="I42" s="12"/>
    </row>
    <row r="43" spans="1:9" x14ac:dyDescent="0.25">
      <c r="C43" s="12"/>
      <c r="D43" s="12"/>
      <c r="E43" s="12"/>
      <c r="F43" s="12"/>
      <c r="G43" s="12"/>
      <c r="H43" s="12"/>
      <c r="I43" s="12"/>
    </row>
    <row r="44" spans="1:9" x14ac:dyDescent="0.25">
      <c r="C44" s="12"/>
      <c r="D44" s="12"/>
      <c r="E44" s="12"/>
      <c r="F44" s="12"/>
      <c r="G44" s="12"/>
      <c r="H44" s="12"/>
      <c r="I44" s="12"/>
    </row>
    <row r="45" spans="1:9" x14ac:dyDescent="0.25">
      <c r="C45" s="12"/>
      <c r="D45" s="12"/>
      <c r="E45" s="12"/>
      <c r="F45" s="12"/>
      <c r="G45" s="12"/>
      <c r="H45" s="12"/>
      <c r="I45" s="12"/>
    </row>
    <row r="46" spans="1:9" x14ac:dyDescent="0.25">
      <c r="C46" s="12"/>
      <c r="D46" s="12"/>
      <c r="E46" s="12"/>
      <c r="F46" s="12"/>
      <c r="G46" s="12"/>
      <c r="H46" s="12"/>
      <c r="I46" s="12"/>
    </row>
    <row r="47" spans="1:9" x14ac:dyDescent="0.25">
      <c r="C47" s="12"/>
      <c r="D47" s="12"/>
      <c r="E47" s="12"/>
      <c r="F47" s="12"/>
      <c r="G47" s="12"/>
      <c r="H47" s="12"/>
      <c r="I47" s="12"/>
    </row>
    <row r="48" spans="1:9" x14ac:dyDescent="0.25">
      <c r="C48" s="12"/>
      <c r="D48" s="12"/>
      <c r="E48" s="12"/>
      <c r="F48" s="12"/>
      <c r="G48" s="12"/>
      <c r="H48" s="12"/>
      <c r="I48" s="12"/>
    </row>
    <row r="49" spans="3:9" x14ac:dyDescent="0.25">
      <c r="C49" s="12"/>
      <c r="D49" s="12"/>
      <c r="E49" s="12"/>
      <c r="F49" s="12"/>
      <c r="G49" s="12"/>
      <c r="H49" s="12"/>
      <c r="I49" s="12"/>
    </row>
    <row r="50" spans="3:9" x14ac:dyDescent="0.25">
      <c r="C50" s="12"/>
      <c r="D50" s="12"/>
      <c r="E50" s="12"/>
      <c r="F50" s="12"/>
      <c r="G50" s="12"/>
      <c r="H50" s="12"/>
      <c r="I50" s="12"/>
    </row>
    <row r="51" spans="3:9" x14ac:dyDescent="0.25">
      <c r="C51" s="12"/>
      <c r="D51" s="12"/>
      <c r="E51" s="12"/>
      <c r="F51" s="12"/>
      <c r="G51" s="12"/>
      <c r="H51" s="12"/>
      <c r="I51" s="12"/>
    </row>
    <row r="52" spans="3:9" x14ac:dyDescent="0.25">
      <c r="C52" s="12"/>
      <c r="D52" s="12"/>
      <c r="E52" s="12"/>
      <c r="F52" s="12"/>
      <c r="G52" s="12"/>
      <c r="H52" s="12"/>
      <c r="I52" s="12"/>
    </row>
    <row r="53" spans="3:9" x14ac:dyDescent="0.25">
      <c r="C53" s="12"/>
      <c r="D53" s="12"/>
      <c r="E53" s="12"/>
      <c r="F53" s="12"/>
      <c r="G53" s="12"/>
      <c r="H53" s="12"/>
      <c r="I53" s="12"/>
    </row>
    <row r="54" spans="3:9" x14ac:dyDescent="0.25">
      <c r="C54" s="12"/>
      <c r="D54" s="12"/>
      <c r="E54" s="12"/>
      <c r="F54" s="12"/>
      <c r="G54" s="12"/>
      <c r="H54" s="12"/>
      <c r="I54" s="12"/>
    </row>
    <row r="55" spans="3:9" x14ac:dyDescent="0.25">
      <c r="C55" s="12"/>
      <c r="D55" s="12"/>
      <c r="E55" s="12"/>
      <c r="F55" s="12"/>
      <c r="G55" s="12"/>
      <c r="H55" s="12"/>
      <c r="I55" s="12"/>
    </row>
    <row r="56" spans="3:9" x14ac:dyDescent="0.25">
      <c r="C56" s="12"/>
      <c r="D56" s="12"/>
      <c r="E56" s="12"/>
      <c r="F56" s="12"/>
      <c r="G56" s="12"/>
      <c r="H56" s="12"/>
      <c r="I56" s="12"/>
    </row>
    <row r="57" spans="3:9" x14ac:dyDescent="0.25">
      <c r="C57" s="12"/>
      <c r="D57" s="12"/>
      <c r="E57" s="12"/>
      <c r="F57" s="12"/>
      <c r="G57" s="12"/>
      <c r="H57" s="12"/>
      <c r="I57" s="12"/>
    </row>
    <row r="58" spans="3:9" x14ac:dyDescent="0.25">
      <c r="C58" s="12"/>
      <c r="D58" s="12"/>
      <c r="E58" s="12"/>
      <c r="F58" s="12"/>
      <c r="G58" s="12"/>
      <c r="H58" s="12"/>
      <c r="I58" s="12"/>
    </row>
  </sheetData>
  <mergeCells count="17">
    <mergeCell ref="A35:A36"/>
    <mergeCell ref="B35:B36"/>
    <mergeCell ref="C35:C36"/>
    <mergeCell ref="D35:D36"/>
    <mergeCell ref="E35:E36"/>
    <mergeCell ref="A9:I9"/>
    <mergeCell ref="A10:A11"/>
    <mergeCell ref="B10:B11"/>
    <mergeCell ref="C10:C11"/>
    <mergeCell ref="D10:E10"/>
    <mergeCell ref="F10:G10"/>
    <mergeCell ref="H10:I10"/>
    <mergeCell ref="A3:I3"/>
    <mergeCell ref="A4:I4"/>
    <mergeCell ref="A5:I5"/>
    <mergeCell ref="A6:I6"/>
    <mergeCell ref="A7:I7"/>
  </mergeCells>
  <pageMargins left="0.7" right="0.7" top="0.75" bottom="0.75" header="0.3" footer="0.3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M35"/>
  <sheetViews>
    <sheetView showGridLines="0" workbookViewId="0"/>
  </sheetViews>
  <sheetFormatPr defaultRowHeight="15" x14ac:dyDescent="0.25"/>
  <cols>
    <col min="1" max="1" width="2.42578125" bestFit="1" customWidth="1"/>
    <col min="2" max="2" width="38.28515625" bestFit="1" customWidth="1"/>
    <col min="3" max="4" width="18" bestFit="1" customWidth="1"/>
    <col min="5" max="13" width="9.28515625" bestFit="1" customWidth="1"/>
  </cols>
  <sheetData>
    <row r="3" spans="1:13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</row>
    <row r="4" spans="1:13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</row>
    <row r="5" spans="1:13" x14ac:dyDescent="0.25">
      <c r="A5" s="8" t="s">
        <v>1172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</row>
    <row r="6" spans="1:13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</row>
    <row r="7" spans="1:13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</row>
    <row r="9" spans="1:13" x14ac:dyDescent="0.25">
      <c r="A9" s="9" t="s">
        <v>1173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</row>
    <row r="10" spans="1:13" ht="21" x14ac:dyDescent="0.25">
      <c r="A10" s="10" t="s">
        <v>6</v>
      </c>
      <c r="B10" s="10" t="s">
        <v>1174</v>
      </c>
      <c r="C10" s="10" t="s">
        <v>1175</v>
      </c>
      <c r="D10" s="1" t="s">
        <v>1176</v>
      </c>
    </row>
    <row r="11" spans="1:13" ht="21" x14ac:dyDescent="0.25">
      <c r="A11" s="10" t="s">
        <v>7</v>
      </c>
      <c r="B11" s="10" t="s">
        <v>7</v>
      </c>
      <c r="C11" s="10" t="s">
        <v>7</v>
      </c>
      <c r="D11" s="1" t="s">
        <v>1177</v>
      </c>
    </row>
    <row r="12" spans="1:13" x14ac:dyDescent="0.25">
      <c r="A12" s="3" t="s">
        <v>17</v>
      </c>
      <c r="B12" s="5" t="s">
        <v>1178</v>
      </c>
      <c r="C12" s="11">
        <v>0</v>
      </c>
      <c r="D12" s="11">
        <v>0</v>
      </c>
      <c r="E12" s="12"/>
      <c r="F12" s="12"/>
      <c r="G12" s="12"/>
      <c r="H12" s="12"/>
      <c r="I12" s="12"/>
      <c r="J12" s="12"/>
      <c r="K12" s="12"/>
      <c r="L12" s="12"/>
      <c r="M12" s="12"/>
    </row>
    <row r="13" spans="1:13" x14ac:dyDescent="0.25">
      <c r="A13" s="2" t="s">
        <v>19</v>
      </c>
      <c r="B13" s="4" t="s">
        <v>1179</v>
      </c>
      <c r="C13" s="13">
        <v>0</v>
      </c>
      <c r="D13" s="13">
        <v>0</v>
      </c>
      <c r="E13" s="12"/>
      <c r="F13" s="12"/>
      <c r="G13" s="12"/>
      <c r="H13" s="12"/>
      <c r="I13" s="12"/>
      <c r="J13" s="12"/>
      <c r="K13" s="12"/>
      <c r="L13" s="12"/>
      <c r="M13" s="12"/>
    </row>
    <row r="14" spans="1:13" x14ac:dyDescent="0.25">
      <c r="A14" s="3" t="s">
        <v>21</v>
      </c>
      <c r="B14" s="5" t="s">
        <v>1180</v>
      </c>
      <c r="C14" s="11">
        <v>0</v>
      </c>
      <c r="D14" s="11">
        <v>0</v>
      </c>
      <c r="E14" s="12"/>
      <c r="F14" s="12"/>
      <c r="G14" s="12"/>
      <c r="H14" s="12"/>
      <c r="I14" s="12"/>
      <c r="J14" s="12"/>
      <c r="K14" s="12"/>
      <c r="L14" s="12"/>
      <c r="M14" s="12"/>
    </row>
    <row r="15" spans="1:13" x14ac:dyDescent="0.25">
      <c r="A15" s="2" t="s">
        <v>23</v>
      </c>
      <c r="B15" s="4" t="s">
        <v>1181</v>
      </c>
      <c r="C15" s="13">
        <v>0</v>
      </c>
      <c r="D15" s="13">
        <v>0</v>
      </c>
      <c r="E15" s="12"/>
      <c r="F15" s="12"/>
      <c r="G15" s="12"/>
      <c r="H15" s="12"/>
      <c r="I15" s="12"/>
      <c r="J15" s="12"/>
      <c r="K15" s="12"/>
      <c r="L15" s="12"/>
      <c r="M15" s="12"/>
    </row>
    <row r="16" spans="1:13" x14ac:dyDescent="0.25">
      <c r="A16" s="2" t="s">
        <v>25</v>
      </c>
      <c r="B16" s="4" t="s">
        <v>1182</v>
      </c>
      <c r="C16" s="13">
        <v>0</v>
      </c>
      <c r="D16" s="13">
        <v>0</v>
      </c>
      <c r="E16" s="12"/>
      <c r="F16" s="12"/>
      <c r="G16" s="12"/>
      <c r="H16" s="12"/>
      <c r="I16" s="12"/>
      <c r="J16" s="12"/>
      <c r="K16" s="12"/>
      <c r="L16" s="12"/>
      <c r="M16" s="12"/>
    </row>
    <row r="17" spans="1:13" x14ac:dyDescent="0.25">
      <c r="A17" s="2" t="s">
        <v>27</v>
      </c>
      <c r="B17" s="4" t="s">
        <v>1183</v>
      </c>
      <c r="C17" s="13">
        <v>0</v>
      </c>
      <c r="D17" s="13">
        <v>0</v>
      </c>
      <c r="E17" s="12"/>
      <c r="F17" s="12"/>
      <c r="G17" s="12"/>
      <c r="H17" s="12"/>
      <c r="I17" s="12"/>
      <c r="J17" s="12"/>
      <c r="K17" s="12"/>
      <c r="L17" s="12"/>
      <c r="M17" s="12"/>
    </row>
    <row r="18" spans="1:13" x14ac:dyDescent="0.25">
      <c r="A18" s="3" t="s">
        <v>29</v>
      </c>
      <c r="B18" s="5" t="s">
        <v>1184</v>
      </c>
      <c r="C18" s="11">
        <v>0</v>
      </c>
      <c r="D18" s="11">
        <v>0</v>
      </c>
      <c r="E18" s="12"/>
      <c r="F18" s="12"/>
      <c r="G18" s="12"/>
      <c r="H18" s="12"/>
      <c r="I18" s="12"/>
      <c r="J18" s="12"/>
      <c r="K18" s="12"/>
      <c r="L18" s="12"/>
      <c r="M18" s="12"/>
    </row>
    <row r="19" spans="1:13" x14ac:dyDescent="0.25">
      <c r="A19" s="2" t="s">
        <v>31</v>
      </c>
      <c r="B19" s="4" t="s">
        <v>1185</v>
      </c>
      <c r="C19" s="13">
        <v>0</v>
      </c>
      <c r="D19" s="13">
        <v>0</v>
      </c>
      <c r="E19" s="12"/>
      <c r="F19" s="12"/>
      <c r="G19" s="12"/>
      <c r="H19" s="12"/>
      <c r="I19" s="12"/>
      <c r="J19" s="12"/>
      <c r="K19" s="12"/>
      <c r="L19" s="12"/>
      <c r="M19" s="12"/>
    </row>
    <row r="20" spans="1:13" x14ac:dyDescent="0.25">
      <c r="A20" s="2" t="s">
        <v>33</v>
      </c>
      <c r="B20" s="4" t="s">
        <v>1186</v>
      </c>
      <c r="C20" s="13">
        <v>0</v>
      </c>
      <c r="D20" s="13">
        <v>0</v>
      </c>
      <c r="E20" s="12"/>
      <c r="F20" s="12"/>
      <c r="G20" s="12"/>
      <c r="H20" s="12"/>
      <c r="I20" s="12"/>
      <c r="J20" s="12"/>
      <c r="K20" s="12"/>
      <c r="L20" s="12"/>
      <c r="M20" s="12"/>
    </row>
    <row r="21" spans="1:13" x14ac:dyDescent="0.25">
      <c r="A21" s="2" t="s">
        <v>35</v>
      </c>
      <c r="B21" s="4" t="s">
        <v>1187</v>
      </c>
      <c r="C21" s="13">
        <v>0</v>
      </c>
      <c r="D21" s="13">
        <v>0</v>
      </c>
      <c r="E21" s="12"/>
      <c r="F21" s="12"/>
      <c r="G21" s="12"/>
      <c r="H21" s="12"/>
      <c r="I21" s="12"/>
      <c r="J21" s="12"/>
      <c r="K21" s="12"/>
      <c r="L21" s="12"/>
      <c r="M21" s="12"/>
    </row>
    <row r="22" spans="1:13" x14ac:dyDescent="0.25">
      <c r="A22" s="2" t="s">
        <v>37</v>
      </c>
      <c r="B22" s="4" t="s">
        <v>1188</v>
      </c>
      <c r="C22" s="13">
        <v>0</v>
      </c>
      <c r="D22" s="13">
        <v>0</v>
      </c>
      <c r="E22" s="12"/>
      <c r="F22" s="12"/>
      <c r="G22" s="12"/>
      <c r="H22" s="12"/>
      <c r="I22" s="12"/>
      <c r="J22" s="12"/>
      <c r="K22" s="12"/>
      <c r="L22" s="12"/>
      <c r="M22" s="12"/>
    </row>
    <row r="23" spans="1:13" x14ac:dyDescent="0.25">
      <c r="C23" s="12"/>
      <c r="D23" s="12"/>
      <c r="E23" s="12"/>
      <c r="F23" s="12"/>
      <c r="G23" s="12"/>
      <c r="H23" s="12"/>
      <c r="I23" s="12"/>
      <c r="J23" s="12"/>
      <c r="K23" s="12"/>
      <c r="L23" s="12"/>
      <c r="M23" s="12"/>
    </row>
    <row r="24" spans="1:13" x14ac:dyDescent="0.25">
      <c r="A24" s="10" t="s">
        <v>6</v>
      </c>
      <c r="B24" s="10" t="s">
        <v>1189</v>
      </c>
      <c r="C24" s="14" t="s">
        <v>1190</v>
      </c>
      <c r="D24" s="14" t="s">
        <v>1191</v>
      </c>
      <c r="E24" s="14" t="s">
        <v>1192</v>
      </c>
      <c r="F24" s="14" t="s">
        <v>1193</v>
      </c>
      <c r="G24" s="14" t="s">
        <v>1194</v>
      </c>
      <c r="H24" s="14" t="s">
        <v>1195</v>
      </c>
      <c r="I24" s="14" t="s">
        <v>1196</v>
      </c>
      <c r="J24" s="14" t="s">
        <v>1197</v>
      </c>
      <c r="K24" s="14" t="s">
        <v>1198</v>
      </c>
      <c r="L24" s="14" t="s">
        <v>1199</v>
      </c>
      <c r="M24" s="14" t="s">
        <v>1200</v>
      </c>
    </row>
    <row r="25" spans="1:13" x14ac:dyDescent="0.25">
      <c r="A25" s="10" t="s">
        <v>7</v>
      </c>
      <c r="B25" s="10" t="s">
        <v>7</v>
      </c>
      <c r="C25" s="14" t="s">
        <v>7</v>
      </c>
      <c r="D25" s="14" t="s">
        <v>7</v>
      </c>
      <c r="E25" s="14" t="s">
        <v>7</v>
      </c>
      <c r="F25" s="14" t="s">
        <v>7</v>
      </c>
      <c r="G25" s="14" t="s">
        <v>7</v>
      </c>
      <c r="H25" s="14" t="s">
        <v>7</v>
      </c>
      <c r="I25" s="14" t="s">
        <v>7</v>
      </c>
      <c r="J25" s="14" t="s">
        <v>7</v>
      </c>
      <c r="K25" s="14" t="s">
        <v>7</v>
      </c>
      <c r="L25" s="14" t="s">
        <v>7</v>
      </c>
      <c r="M25" s="14" t="s">
        <v>7</v>
      </c>
    </row>
    <row r="26" spans="1:13" x14ac:dyDescent="0.25">
      <c r="A26" s="3" t="s">
        <v>39</v>
      </c>
      <c r="B26" s="5" t="s">
        <v>1201</v>
      </c>
      <c r="C26" s="11">
        <v>0</v>
      </c>
      <c r="D26" s="11">
        <v>0</v>
      </c>
      <c r="E26" s="11">
        <v>0</v>
      </c>
      <c r="F26" s="11">
        <v>0</v>
      </c>
      <c r="G26" s="11">
        <v>0</v>
      </c>
      <c r="H26" s="11">
        <v>0</v>
      </c>
      <c r="I26" s="11">
        <v>0</v>
      </c>
      <c r="J26" s="11">
        <v>0</v>
      </c>
      <c r="K26" s="11">
        <v>0</v>
      </c>
      <c r="L26" s="11">
        <v>0</v>
      </c>
      <c r="M26" s="11">
        <v>0</v>
      </c>
    </row>
    <row r="27" spans="1:13" x14ac:dyDescent="0.25">
      <c r="A27" s="2" t="s">
        <v>41</v>
      </c>
      <c r="B27" s="4" t="s">
        <v>1202</v>
      </c>
      <c r="C27" s="13">
        <v>0</v>
      </c>
      <c r="D27" s="13">
        <v>0</v>
      </c>
      <c r="E27" s="13">
        <v>0</v>
      </c>
      <c r="F27" s="13">
        <v>0</v>
      </c>
      <c r="G27" s="13">
        <v>0</v>
      </c>
      <c r="H27" s="13">
        <v>0</v>
      </c>
      <c r="I27" s="13">
        <v>0</v>
      </c>
      <c r="J27" s="13">
        <v>0</v>
      </c>
      <c r="K27" s="13">
        <v>0</v>
      </c>
      <c r="L27" s="13">
        <v>0</v>
      </c>
      <c r="M27" s="13">
        <v>0</v>
      </c>
    </row>
    <row r="28" spans="1:13" x14ac:dyDescent="0.25">
      <c r="A28" s="2" t="s">
        <v>43</v>
      </c>
      <c r="B28" s="4" t="s">
        <v>1203</v>
      </c>
      <c r="C28" s="13">
        <v>0</v>
      </c>
      <c r="D28" s="13">
        <v>0</v>
      </c>
      <c r="E28" s="13">
        <v>0</v>
      </c>
      <c r="F28" s="13">
        <v>0</v>
      </c>
      <c r="G28" s="13">
        <v>0</v>
      </c>
      <c r="H28" s="13">
        <v>0</v>
      </c>
      <c r="I28" s="13">
        <v>0</v>
      </c>
      <c r="J28" s="13">
        <v>0</v>
      </c>
      <c r="K28" s="13">
        <v>0</v>
      </c>
      <c r="L28" s="13">
        <v>0</v>
      </c>
      <c r="M28" s="13">
        <v>0</v>
      </c>
    </row>
    <row r="29" spans="1:13" x14ac:dyDescent="0.25">
      <c r="A29" s="3" t="s">
        <v>45</v>
      </c>
      <c r="B29" s="5" t="s">
        <v>1204</v>
      </c>
      <c r="C29" s="11">
        <v>0</v>
      </c>
      <c r="D29" s="11">
        <v>0</v>
      </c>
      <c r="E29" s="11">
        <v>0</v>
      </c>
      <c r="F29" s="11">
        <v>0</v>
      </c>
      <c r="G29" s="11">
        <v>0</v>
      </c>
      <c r="H29" s="11">
        <v>0</v>
      </c>
      <c r="I29" s="11">
        <v>0</v>
      </c>
      <c r="J29" s="11">
        <v>0</v>
      </c>
      <c r="K29" s="11">
        <v>0</v>
      </c>
      <c r="L29" s="11">
        <v>0</v>
      </c>
      <c r="M29" s="11">
        <v>0</v>
      </c>
    </row>
    <row r="30" spans="1:13" x14ac:dyDescent="0.25">
      <c r="A30" s="2" t="s">
        <v>47</v>
      </c>
      <c r="B30" s="4" t="s">
        <v>1205</v>
      </c>
      <c r="C30" s="13">
        <v>0</v>
      </c>
      <c r="D30" s="13">
        <v>0</v>
      </c>
      <c r="E30" s="13">
        <v>0</v>
      </c>
      <c r="F30" s="13">
        <v>0</v>
      </c>
      <c r="G30" s="13">
        <v>0</v>
      </c>
      <c r="H30" s="13">
        <v>0</v>
      </c>
      <c r="I30" s="13">
        <v>0</v>
      </c>
      <c r="J30" s="13">
        <v>0</v>
      </c>
      <c r="K30" s="13">
        <v>0</v>
      </c>
      <c r="L30" s="13">
        <v>0</v>
      </c>
      <c r="M30" s="13">
        <v>0</v>
      </c>
    </row>
    <row r="31" spans="1:13" x14ac:dyDescent="0.25">
      <c r="A31" s="2" t="s">
        <v>49</v>
      </c>
      <c r="B31" s="4" t="s">
        <v>1206</v>
      </c>
      <c r="C31" s="13">
        <v>0</v>
      </c>
      <c r="D31" s="13">
        <v>0</v>
      </c>
      <c r="E31" s="13">
        <v>0</v>
      </c>
      <c r="F31" s="13">
        <v>0</v>
      </c>
      <c r="G31" s="13">
        <v>0</v>
      </c>
      <c r="H31" s="13">
        <v>0</v>
      </c>
      <c r="I31" s="13">
        <v>0</v>
      </c>
      <c r="J31" s="13">
        <v>0</v>
      </c>
      <c r="K31" s="13">
        <v>0</v>
      </c>
      <c r="L31" s="13">
        <v>0</v>
      </c>
      <c r="M31" s="13">
        <v>0</v>
      </c>
    </row>
    <row r="32" spans="1:13" x14ac:dyDescent="0.25">
      <c r="A32" s="3" t="s">
        <v>51</v>
      </c>
      <c r="B32" s="5" t="s">
        <v>1207</v>
      </c>
      <c r="C32" s="11">
        <v>0</v>
      </c>
      <c r="D32" s="11">
        <v>0</v>
      </c>
      <c r="E32" s="11">
        <v>0</v>
      </c>
      <c r="F32" s="11">
        <v>0</v>
      </c>
      <c r="G32" s="11">
        <v>0</v>
      </c>
      <c r="H32" s="11">
        <v>0</v>
      </c>
      <c r="I32" s="11">
        <v>0</v>
      </c>
      <c r="J32" s="11">
        <v>0</v>
      </c>
      <c r="K32" s="11">
        <v>0</v>
      </c>
      <c r="L32" s="11">
        <v>0</v>
      </c>
      <c r="M32" s="11">
        <v>0</v>
      </c>
    </row>
    <row r="33" spans="1:13" x14ac:dyDescent="0.25">
      <c r="A33" s="2" t="s">
        <v>53</v>
      </c>
      <c r="B33" s="4" t="s">
        <v>1208</v>
      </c>
      <c r="C33" s="13">
        <v>15816038193.469999</v>
      </c>
      <c r="D33" s="13">
        <v>17440896788.400002</v>
      </c>
      <c r="E33" s="13">
        <v>0</v>
      </c>
      <c r="F33" s="13">
        <v>0</v>
      </c>
      <c r="G33" s="13">
        <v>0</v>
      </c>
      <c r="H33" s="13">
        <v>0</v>
      </c>
      <c r="I33" s="13">
        <v>0</v>
      </c>
      <c r="J33" s="13">
        <v>0</v>
      </c>
      <c r="K33" s="13">
        <v>0</v>
      </c>
      <c r="L33" s="13">
        <v>0</v>
      </c>
      <c r="M33" s="13">
        <v>0</v>
      </c>
    </row>
    <row r="34" spans="1:13" x14ac:dyDescent="0.25">
      <c r="A34" s="2" t="s">
        <v>55</v>
      </c>
      <c r="B34" s="4" t="s">
        <v>1209</v>
      </c>
      <c r="C34" s="13">
        <v>0</v>
      </c>
      <c r="D34" s="13">
        <v>0</v>
      </c>
      <c r="E34" s="13">
        <v>0</v>
      </c>
      <c r="F34" s="13">
        <v>0</v>
      </c>
      <c r="G34" s="13">
        <v>0</v>
      </c>
      <c r="H34" s="13">
        <v>0</v>
      </c>
      <c r="I34" s="13">
        <v>0</v>
      </c>
      <c r="J34" s="13">
        <v>0</v>
      </c>
      <c r="K34" s="13">
        <v>0</v>
      </c>
      <c r="L34" s="13">
        <v>0</v>
      </c>
      <c r="M34" s="13">
        <v>0</v>
      </c>
    </row>
    <row r="35" spans="1:13" x14ac:dyDescent="0.25">
      <c r="A35" s="2" t="s">
        <v>57</v>
      </c>
      <c r="B35" s="4" t="s">
        <v>1210</v>
      </c>
      <c r="C35" s="13">
        <v>0</v>
      </c>
      <c r="D35" s="13">
        <v>0</v>
      </c>
      <c r="E35" s="13">
        <v>0</v>
      </c>
      <c r="F35" s="13">
        <v>0</v>
      </c>
      <c r="G35" s="13">
        <v>0</v>
      </c>
      <c r="H35" s="13">
        <v>0</v>
      </c>
      <c r="I35" s="13">
        <v>0</v>
      </c>
      <c r="J35" s="13">
        <v>0</v>
      </c>
      <c r="K35" s="13">
        <v>0</v>
      </c>
      <c r="L35" s="13">
        <v>0</v>
      </c>
      <c r="M35" s="13">
        <v>0</v>
      </c>
    </row>
  </sheetData>
  <mergeCells count="22">
    <mergeCell ref="M24:M25"/>
    <mergeCell ref="A9:M9"/>
    <mergeCell ref="A10:A11"/>
    <mergeCell ref="B10:B11"/>
    <mergeCell ref="C10:C11"/>
    <mergeCell ref="A24:A25"/>
    <mergeCell ref="B24:B25"/>
    <mergeCell ref="C24:C25"/>
    <mergeCell ref="D24:D25"/>
    <mergeCell ref="E24:E25"/>
    <mergeCell ref="F24:F25"/>
    <mergeCell ref="G24:G25"/>
    <mergeCell ref="H24:H25"/>
    <mergeCell ref="I24:I25"/>
    <mergeCell ref="J24:J25"/>
    <mergeCell ref="K24:K25"/>
    <mergeCell ref="L24:L25"/>
    <mergeCell ref="A3:M3"/>
    <mergeCell ref="A4:M4"/>
    <mergeCell ref="A5:M5"/>
    <mergeCell ref="A6:M6"/>
    <mergeCell ref="A7:M7"/>
  </mergeCells>
  <pageMargins left="0.7" right="0.7" top="0.75" bottom="0.75" header="0.3" footer="0.3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G117"/>
  <sheetViews>
    <sheetView showGridLines="0" workbookViewId="0"/>
  </sheetViews>
  <sheetFormatPr defaultRowHeight="15" x14ac:dyDescent="0.25"/>
  <cols>
    <col min="1" max="1" width="2.7109375" bestFit="1" customWidth="1"/>
    <col min="2" max="2" width="63.7109375" bestFit="1" customWidth="1"/>
    <col min="3" max="3" width="19" bestFit="1" customWidth="1"/>
    <col min="4" max="4" width="24.85546875" bestFit="1" customWidth="1"/>
    <col min="5" max="5" width="20.85546875" bestFit="1" customWidth="1"/>
    <col min="6" max="6" width="17.28515625" bestFit="1" customWidth="1"/>
  </cols>
  <sheetData>
    <row r="3" spans="1:7" x14ac:dyDescent="0.25">
      <c r="A3" s="6" t="s">
        <v>0</v>
      </c>
      <c r="B3" s="7"/>
      <c r="C3" s="7"/>
      <c r="D3" s="7"/>
      <c r="E3" s="7"/>
      <c r="F3" s="7"/>
    </row>
    <row r="4" spans="1:7" x14ac:dyDescent="0.25">
      <c r="A4" s="6" t="s">
        <v>1</v>
      </c>
      <c r="B4" s="7"/>
      <c r="C4" s="7"/>
      <c r="D4" s="7"/>
      <c r="E4" s="7"/>
      <c r="F4" s="7"/>
    </row>
    <row r="5" spans="1:7" x14ac:dyDescent="0.25">
      <c r="A5" s="8" t="s">
        <v>1211</v>
      </c>
      <c r="B5" s="7"/>
      <c r="C5" s="7"/>
      <c r="D5" s="7"/>
      <c r="E5" s="7"/>
      <c r="F5" s="7"/>
    </row>
    <row r="6" spans="1:7" x14ac:dyDescent="0.25">
      <c r="A6" s="6" t="s">
        <v>3</v>
      </c>
      <c r="B6" s="7"/>
      <c r="C6" s="7"/>
      <c r="D6" s="7"/>
      <c r="E6" s="7"/>
      <c r="F6" s="7"/>
    </row>
    <row r="7" spans="1:7" x14ac:dyDescent="0.25">
      <c r="A7" s="6" t="s">
        <v>4</v>
      </c>
      <c r="B7" s="7"/>
      <c r="C7" s="7"/>
      <c r="D7" s="7"/>
      <c r="E7" s="7"/>
      <c r="F7" s="7"/>
    </row>
    <row r="9" spans="1:7" x14ac:dyDescent="0.25">
      <c r="A9" s="9" t="s">
        <v>1212</v>
      </c>
      <c r="B9" s="7"/>
      <c r="C9" s="7"/>
      <c r="D9" s="7"/>
      <c r="E9" s="7"/>
      <c r="F9" s="7"/>
    </row>
    <row r="10" spans="1:7" x14ac:dyDescent="0.25">
      <c r="A10" s="10" t="s">
        <v>6</v>
      </c>
      <c r="B10" s="10" t="s">
        <v>1213</v>
      </c>
      <c r="C10" s="10" t="s">
        <v>1214</v>
      </c>
    </row>
    <row r="11" spans="1:7" x14ac:dyDescent="0.25">
      <c r="A11" s="10" t="s">
        <v>7</v>
      </c>
      <c r="B11" s="10" t="s">
        <v>7</v>
      </c>
      <c r="C11" s="10" t="s">
        <v>7</v>
      </c>
    </row>
    <row r="12" spans="1:7" x14ac:dyDescent="0.25">
      <c r="A12" s="2" t="s">
        <v>17</v>
      </c>
      <c r="B12" s="4" t="s">
        <v>8</v>
      </c>
      <c r="C12" s="13">
        <v>0</v>
      </c>
      <c r="D12" s="12"/>
      <c r="E12" s="12"/>
      <c r="F12" s="12"/>
      <c r="G12" s="12"/>
    </row>
    <row r="13" spans="1:7" x14ac:dyDescent="0.25">
      <c r="A13" s="2" t="s">
        <v>19</v>
      </c>
      <c r="B13" s="4" t="s">
        <v>1215</v>
      </c>
      <c r="C13" s="13">
        <v>18475534800</v>
      </c>
      <c r="D13" s="12"/>
      <c r="E13" s="12"/>
      <c r="F13" s="12"/>
      <c r="G13" s="12"/>
    </row>
    <row r="14" spans="1:7" x14ac:dyDescent="0.25">
      <c r="A14" s="2" t="s">
        <v>21</v>
      </c>
      <c r="B14" s="4" t="s">
        <v>1216</v>
      </c>
      <c r="C14" s="13">
        <v>18822242127</v>
      </c>
      <c r="D14" s="12"/>
      <c r="E14" s="12"/>
      <c r="F14" s="12"/>
      <c r="G14" s="12"/>
    </row>
    <row r="15" spans="1:7" x14ac:dyDescent="0.25">
      <c r="A15" s="2" t="s">
        <v>23</v>
      </c>
      <c r="B15" s="4" t="s">
        <v>1217</v>
      </c>
      <c r="C15" s="13">
        <v>11059485991.790001</v>
      </c>
      <c r="D15" s="12"/>
      <c r="E15" s="12"/>
      <c r="F15" s="12"/>
      <c r="G15" s="12"/>
    </row>
    <row r="16" spans="1:7" x14ac:dyDescent="0.25">
      <c r="A16" s="2" t="s">
        <v>25</v>
      </c>
      <c r="B16" s="4" t="s">
        <v>1218</v>
      </c>
      <c r="C16" s="13">
        <v>0</v>
      </c>
      <c r="D16" s="12"/>
      <c r="E16" s="12"/>
      <c r="F16" s="12"/>
      <c r="G16" s="12"/>
    </row>
    <row r="17" spans="1:7" x14ac:dyDescent="0.25">
      <c r="A17" s="2" t="s">
        <v>27</v>
      </c>
      <c r="B17" s="4" t="s">
        <v>1219</v>
      </c>
      <c r="C17" s="13">
        <v>2580501142.6900001</v>
      </c>
      <c r="D17" s="12"/>
      <c r="E17" s="12"/>
      <c r="F17" s="12"/>
      <c r="G17" s="12"/>
    </row>
    <row r="18" spans="1:7" x14ac:dyDescent="0.25">
      <c r="A18" s="2" t="s">
        <v>29</v>
      </c>
      <c r="B18" s="4" t="s">
        <v>167</v>
      </c>
      <c r="C18" s="13">
        <v>0</v>
      </c>
      <c r="D18" s="12"/>
      <c r="E18" s="12"/>
      <c r="F18" s="12"/>
      <c r="G18" s="12"/>
    </row>
    <row r="19" spans="1:7" x14ac:dyDescent="0.25">
      <c r="A19" s="2" t="s">
        <v>31</v>
      </c>
      <c r="B19" s="4" t="s">
        <v>1220</v>
      </c>
      <c r="C19" s="13">
        <v>18475534800</v>
      </c>
      <c r="D19" s="12"/>
      <c r="E19" s="12"/>
      <c r="F19" s="12"/>
      <c r="G19" s="12"/>
    </row>
    <row r="20" spans="1:7" x14ac:dyDescent="0.25">
      <c r="A20" s="2" t="s">
        <v>33</v>
      </c>
      <c r="B20" s="4" t="s">
        <v>1221</v>
      </c>
      <c r="C20" s="13">
        <v>21402743269.689999</v>
      </c>
      <c r="D20" s="12"/>
      <c r="E20" s="12"/>
      <c r="F20" s="12"/>
      <c r="G20" s="12"/>
    </row>
    <row r="21" spans="1:7" x14ac:dyDescent="0.25">
      <c r="A21" s="2" t="s">
        <v>35</v>
      </c>
      <c r="B21" s="4" t="s">
        <v>1222</v>
      </c>
      <c r="C21" s="13">
        <v>13197809656.42</v>
      </c>
      <c r="D21" s="12"/>
      <c r="E21" s="12"/>
      <c r="F21" s="12"/>
      <c r="G21" s="12"/>
    </row>
    <row r="22" spans="1:7" x14ac:dyDescent="0.25">
      <c r="A22" s="2" t="s">
        <v>37</v>
      </c>
      <c r="B22" s="4" t="s">
        <v>1223</v>
      </c>
      <c r="C22" s="13">
        <v>9636462517.4099998</v>
      </c>
      <c r="D22" s="12"/>
      <c r="E22" s="12"/>
      <c r="F22" s="12"/>
      <c r="G22" s="12"/>
    </row>
    <row r="23" spans="1:7" x14ac:dyDescent="0.25">
      <c r="A23" s="2" t="s">
        <v>39</v>
      </c>
      <c r="B23" s="4" t="s">
        <v>1224</v>
      </c>
      <c r="C23" s="13">
        <v>9393783199.2800007</v>
      </c>
      <c r="D23" s="12"/>
      <c r="E23" s="12"/>
      <c r="F23" s="12"/>
      <c r="G23" s="12"/>
    </row>
    <row r="24" spans="1:7" x14ac:dyDescent="0.25">
      <c r="A24" s="2" t="s">
        <v>41</v>
      </c>
      <c r="B24" s="4" t="s">
        <v>1225</v>
      </c>
      <c r="C24" s="13">
        <v>1423023474.3800001</v>
      </c>
      <c r="D24" s="12"/>
      <c r="E24" s="12"/>
      <c r="F24" s="12"/>
      <c r="G24" s="12"/>
    </row>
    <row r="25" spans="1:7" x14ac:dyDescent="0.25">
      <c r="C25" s="12"/>
      <c r="D25" s="12"/>
      <c r="E25" s="12"/>
      <c r="F25" s="12"/>
      <c r="G25" s="12"/>
    </row>
    <row r="26" spans="1:7" x14ac:dyDescent="0.25">
      <c r="A26" s="10" t="s">
        <v>6</v>
      </c>
      <c r="B26" s="10" t="s">
        <v>1226</v>
      </c>
      <c r="C26" s="14" t="s">
        <v>1214</v>
      </c>
      <c r="D26" s="12"/>
      <c r="E26" s="12"/>
      <c r="F26" s="12"/>
      <c r="G26" s="12"/>
    </row>
    <row r="27" spans="1:7" x14ac:dyDescent="0.25">
      <c r="A27" s="10" t="s">
        <v>7</v>
      </c>
      <c r="B27" s="10" t="s">
        <v>7</v>
      </c>
      <c r="C27" s="14" t="s">
        <v>7</v>
      </c>
      <c r="D27" s="12"/>
      <c r="E27" s="12"/>
      <c r="F27" s="12"/>
      <c r="G27" s="12"/>
    </row>
    <row r="28" spans="1:7" x14ac:dyDescent="0.25">
      <c r="A28" s="2" t="s">
        <v>43</v>
      </c>
      <c r="B28" s="4" t="s">
        <v>170</v>
      </c>
      <c r="C28" s="13">
        <v>13197809656.42</v>
      </c>
      <c r="D28" s="12"/>
      <c r="E28" s="12"/>
      <c r="F28" s="12"/>
      <c r="G28" s="12"/>
    </row>
    <row r="29" spans="1:7" x14ac:dyDescent="0.25">
      <c r="A29" s="2" t="s">
        <v>45</v>
      </c>
      <c r="B29" s="4" t="s">
        <v>174</v>
      </c>
      <c r="C29" s="13">
        <v>9636462517.4099998</v>
      </c>
      <c r="D29" s="12"/>
      <c r="E29" s="12"/>
      <c r="F29" s="12"/>
      <c r="G29" s="12"/>
    </row>
    <row r="30" spans="1:7" x14ac:dyDescent="0.25">
      <c r="C30" s="12"/>
      <c r="D30" s="12"/>
      <c r="E30" s="12"/>
      <c r="F30" s="12"/>
      <c r="G30" s="12"/>
    </row>
    <row r="31" spans="1:7" x14ac:dyDescent="0.25">
      <c r="A31" s="10" t="s">
        <v>6</v>
      </c>
      <c r="B31" s="10" t="s">
        <v>1227</v>
      </c>
      <c r="C31" s="14" t="s">
        <v>1214</v>
      </c>
      <c r="D31" s="12"/>
      <c r="E31" s="12"/>
      <c r="F31" s="12"/>
      <c r="G31" s="12"/>
    </row>
    <row r="32" spans="1:7" x14ac:dyDescent="0.25">
      <c r="A32" s="10" t="s">
        <v>7</v>
      </c>
      <c r="B32" s="10" t="s">
        <v>7</v>
      </c>
      <c r="C32" s="14" t="s">
        <v>7</v>
      </c>
      <c r="D32" s="12"/>
      <c r="E32" s="12"/>
      <c r="F32" s="12"/>
      <c r="G32" s="12"/>
    </row>
    <row r="33" spans="1:7" x14ac:dyDescent="0.25">
      <c r="A33" s="2" t="s">
        <v>47</v>
      </c>
      <c r="B33" s="4" t="s">
        <v>1228</v>
      </c>
      <c r="C33" s="13">
        <v>17440896788.400002</v>
      </c>
      <c r="D33" s="12"/>
      <c r="E33" s="12"/>
      <c r="F33" s="12"/>
      <c r="G33" s="12"/>
    </row>
    <row r="34" spans="1:7" x14ac:dyDescent="0.25">
      <c r="A34" s="2" t="s">
        <v>49</v>
      </c>
      <c r="B34" s="4" t="s">
        <v>1229</v>
      </c>
      <c r="C34" s="13">
        <v>17433972539.400002</v>
      </c>
      <c r="D34" s="12"/>
      <c r="E34" s="12"/>
      <c r="F34" s="12"/>
      <c r="G34" s="12"/>
    </row>
    <row r="35" spans="1:7" x14ac:dyDescent="0.25">
      <c r="A35" s="2" t="s">
        <v>51</v>
      </c>
      <c r="B35" s="4" t="s">
        <v>1230</v>
      </c>
      <c r="C35" s="13">
        <v>17423562993.400002</v>
      </c>
      <c r="D35" s="12"/>
      <c r="E35" s="12"/>
      <c r="F35" s="12"/>
      <c r="G35" s="12"/>
    </row>
    <row r="36" spans="1:7" x14ac:dyDescent="0.25">
      <c r="C36" s="12"/>
      <c r="D36" s="12"/>
      <c r="E36" s="12"/>
      <c r="F36" s="12"/>
      <c r="G36" s="12"/>
    </row>
    <row r="37" spans="1:7" x14ac:dyDescent="0.25">
      <c r="A37" s="10" t="s">
        <v>6</v>
      </c>
      <c r="B37" s="10" t="s">
        <v>1231</v>
      </c>
      <c r="C37" s="14" t="s">
        <v>1214</v>
      </c>
      <c r="D37" s="12"/>
      <c r="E37" s="12"/>
      <c r="F37" s="12"/>
      <c r="G37" s="12"/>
    </row>
    <row r="38" spans="1:7" x14ac:dyDescent="0.25">
      <c r="A38" s="10" t="s">
        <v>7</v>
      </c>
      <c r="B38" s="10" t="s">
        <v>7</v>
      </c>
      <c r="C38" s="14" t="s">
        <v>7</v>
      </c>
      <c r="D38" s="12"/>
      <c r="E38" s="12"/>
      <c r="F38" s="12"/>
      <c r="G38" s="12"/>
    </row>
    <row r="39" spans="1:7" x14ac:dyDescent="0.25">
      <c r="A39" s="2" t="s">
        <v>53</v>
      </c>
      <c r="B39" s="4" t="s">
        <v>1232</v>
      </c>
      <c r="C39" s="13">
        <v>0</v>
      </c>
      <c r="D39" s="12"/>
      <c r="E39" s="12"/>
      <c r="F39" s="12"/>
      <c r="G39" s="12"/>
    </row>
    <row r="40" spans="1:7" x14ac:dyDescent="0.25">
      <c r="A40" s="2" t="s">
        <v>55</v>
      </c>
      <c r="B40" s="4" t="s">
        <v>1233</v>
      </c>
      <c r="C40" s="13">
        <v>1545890634.3</v>
      </c>
      <c r="D40" s="12"/>
      <c r="E40" s="12"/>
      <c r="F40" s="12"/>
      <c r="G40" s="12"/>
    </row>
    <row r="41" spans="1:7" x14ac:dyDescent="0.25">
      <c r="A41" s="2" t="s">
        <v>57</v>
      </c>
      <c r="B41" s="4" t="s">
        <v>1234</v>
      </c>
      <c r="C41" s="13">
        <v>1656417008.23</v>
      </c>
      <c r="D41" s="12"/>
      <c r="E41" s="12"/>
      <c r="F41" s="12"/>
      <c r="G41" s="12"/>
    </row>
    <row r="42" spans="1:7" x14ac:dyDescent="0.25">
      <c r="A42" s="2" t="s">
        <v>59</v>
      </c>
      <c r="B42" s="4" t="s">
        <v>1235</v>
      </c>
      <c r="C42" s="13">
        <v>1650755420.8199999</v>
      </c>
      <c r="D42" s="12"/>
      <c r="E42" s="12"/>
      <c r="F42" s="12"/>
      <c r="G42" s="12"/>
    </row>
    <row r="43" spans="1:7" x14ac:dyDescent="0.25">
      <c r="A43" s="2" t="s">
        <v>61</v>
      </c>
      <c r="B43" s="4" t="s">
        <v>1236</v>
      </c>
      <c r="C43" s="13">
        <v>1649148165.52</v>
      </c>
      <c r="D43" s="12"/>
      <c r="E43" s="12"/>
      <c r="F43" s="12"/>
      <c r="G43" s="12"/>
    </row>
    <row r="44" spans="1:7" x14ac:dyDescent="0.25">
      <c r="A44" s="2" t="s">
        <v>63</v>
      </c>
      <c r="B44" s="4" t="s">
        <v>1237</v>
      </c>
      <c r="C44" s="13">
        <v>-104864786.52</v>
      </c>
      <c r="D44" s="12"/>
      <c r="E44" s="12"/>
      <c r="F44" s="12"/>
      <c r="G44" s="12"/>
    </row>
    <row r="45" spans="1:7" x14ac:dyDescent="0.25">
      <c r="A45" s="2" t="s">
        <v>65</v>
      </c>
      <c r="B45" s="4" t="s">
        <v>1238</v>
      </c>
      <c r="C45" s="13">
        <v>0</v>
      </c>
      <c r="D45" s="12"/>
      <c r="E45" s="12"/>
      <c r="F45" s="12"/>
      <c r="G45" s="12"/>
    </row>
    <row r="46" spans="1:7" x14ac:dyDescent="0.25">
      <c r="A46" s="2" t="s">
        <v>67</v>
      </c>
      <c r="B46" s="4" t="s">
        <v>1233</v>
      </c>
      <c r="C46" s="13">
        <v>0</v>
      </c>
      <c r="D46" s="12"/>
      <c r="E46" s="12"/>
      <c r="F46" s="12"/>
      <c r="G46" s="12"/>
    </row>
    <row r="47" spans="1:7" x14ac:dyDescent="0.25">
      <c r="A47" s="2" t="s">
        <v>69</v>
      </c>
      <c r="B47" s="4" t="s">
        <v>1234</v>
      </c>
      <c r="C47" s="13">
        <v>0</v>
      </c>
      <c r="D47" s="12"/>
      <c r="E47" s="12"/>
      <c r="F47" s="12"/>
      <c r="G47" s="12"/>
    </row>
    <row r="48" spans="1:7" x14ac:dyDescent="0.25">
      <c r="A48" s="2" t="s">
        <v>71</v>
      </c>
      <c r="B48" s="4" t="s">
        <v>1235</v>
      </c>
      <c r="C48" s="13">
        <v>0</v>
      </c>
      <c r="D48" s="12"/>
      <c r="E48" s="12"/>
      <c r="F48" s="12"/>
      <c r="G48" s="12"/>
    </row>
    <row r="49" spans="1:7" x14ac:dyDescent="0.25">
      <c r="A49" s="2" t="s">
        <v>73</v>
      </c>
      <c r="B49" s="4" t="s">
        <v>1236</v>
      </c>
      <c r="C49" s="13">
        <v>0</v>
      </c>
      <c r="D49" s="12"/>
      <c r="E49" s="12"/>
      <c r="F49" s="12"/>
      <c r="G49" s="12"/>
    </row>
    <row r="50" spans="1:7" x14ac:dyDescent="0.25">
      <c r="A50" s="2" t="s">
        <v>75</v>
      </c>
      <c r="B50" s="4" t="s">
        <v>1237</v>
      </c>
      <c r="C50" s="13">
        <v>0</v>
      </c>
      <c r="D50" s="12"/>
      <c r="E50" s="12"/>
      <c r="F50" s="12"/>
      <c r="G50" s="12"/>
    </row>
    <row r="51" spans="1:7" x14ac:dyDescent="0.25">
      <c r="A51" s="2" t="s">
        <v>77</v>
      </c>
      <c r="B51" s="4" t="s">
        <v>1239</v>
      </c>
      <c r="C51" s="13">
        <v>0</v>
      </c>
      <c r="D51" s="12"/>
      <c r="E51" s="12"/>
      <c r="F51" s="12"/>
      <c r="G51" s="12"/>
    </row>
    <row r="52" spans="1:7" x14ac:dyDescent="0.25">
      <c r="A52" s="2" t="s">
        <v>79</v>
      </c>
      <c r="B52" s="4" t="s">
        <v>1240</v>
      </c>
      <c r="C52" s="13">
        <v>68157501.549999997</v>
      </c>
      <c r="D52" s="12"/>
      <c r="E52" s="12"/>
      <c r="F52" s="12"/>
      <c r="G52" s="12"/>
    </row>
    <row r="53" spans="1:7" x14ac:dyDescent="0.25">
      <c r="A53" s="2" t="s">
        <v>81</v>
      </c>
      <c r="B53" s="4" t="s">
        <v>1241</v>
      </c>
      <c r="C53" s="13">
        <v>68158214.420000002</v>
      </c>
      <c r="D53" s="12"/>
      <c r="E53" s="12"/>
      <c r="F53" s="12"/>
      <c r="G53" s="12"/>
    </row>
    <row r="54" spans="1:7" x14ac:dyDescent="0.25">
      <c r="A54" s="2" t="s">
        <v>83</v>
      </c>
      <c r="B54" s="4" t="s">
        <v>1242</v>
      </c>
      <c r="C54" s="13">
        <v>68158190.510000005</v>
      </c>
      <c r="D54" s="12"/>
      <c r="E54" s="12"/>
      <c r="F54" s="12"/>
      <c r="G54" s="12"/>
    </row>
    <row r="55" spans="1:7" x14ac:dyDescent="0.25">
      <c r="A55" s="2" t="s">
        <v>85</v>
      </c>
      <c r="B55" s="4" t="s">
        <v>1243</v>
      </c>
      <c r="C55" s="13">
        <v>68158190.510000005</v>
      </c>
      <c r="D55" s="12"/>
      <c r="E55" s="12"/>
      <c r="F55" s="12"/>
      <c r="G55" s="12"/>
    </row>
    <row r="56" spans="1:7" x14ac:dyDescent="0.25">
      <c r="A56" s="2" t="s">
        <v>87</v>
      </c>
      <c r="B56" s="4" t="s">
        <v>1244</v>
      </c>
      <c r="C56" s="13">
        <v>-688.96</v>
      </c>
      <c r="D56" s="12"/>
      <c r="E56" s="12"/>
      <c r="F56" s="12"/>
      <c r="G56" s="12"/>
    </row>
    <row r="57" spans="1:7" x14ac:dyDescent="0.25">
      <c r="C57" s="12"/>
      <c r="D57" s="12"/>
      <c r="E57" s="12"/>
      <c r="F57" s="12"/>
      <c r="G57" s="12"/>
    </row>
    <row r="58" spans="1:7" x14ac:dyDescent="0.25">
      <c r="A58" s="10" t="s">
        <v>6</v>
      </c>
      <c r="B58" s="10" t="s">
        <v>1245</v>
      </c>
      <c r="C58" s="14" t="s">
        <v>1246</v>
      </c>
      <c r="D58" s="14" t="s">
        <v>1247</v>
      </c>
      <c r="E58" s="14" t="s">
        <v>1248</v>
      </c>
      <c r="F58" s="12"/>
      <c r="G58" s="12"/>
    </row>
    <row r="59" spans="1:7" x14ac:dyDescent="0.25">
      <c r="A59" s="10" t="s">
        <v>7</v>
      </c>
      <c r="B59" s="10" t="s">
        <v>7</v>
      </c>
      <c r="C59" s="14" t="s">
        <v>7</v>
      </c>
      <c r="D59" s="14" t="s">
        <v>7</v>
      </c>
      <c r="E59" s="14" t="s">
        <v>7</v>
      </c>
      <c r="F59" s="12"/>
      <c r="G59" s="12"/>
    </row>
    <row r="60" spans="1:7" x14ac:dyDescent="0.25">
      <c r="A60" s="2" t="s">
        <v>89</v>
      </c>
      <c r="B60" s="4" t="s">
        <v>1249</v>
      </c>
      <c r="C60" s="13">
        <v>315499518.75999999</v>
      </c>
      <c r="D60" s="13">
        <v>1037363452.95</v>
      </c>
      <c r="E60" s="13">
        <v>328.8</v>
      </c>
      <c r="F60" s="12"/>
      <c r="G60" s="12"/>
    </row>
    <row r="61" spans="1:7" x14ac:dyDescent="0.25">
      <c r="A61" s="2" t="s">
        <v>91</v>
      </c>
      <c r="B61" s="4" t="s">
        <v>1250</v>
      </c>
      <c r="C61" s="13">
        <v>1698267.56</v>
      </c>
      <c r="D61" s="13">
        <v>1064495721.84</v>
      </c>
      <c r="E61" s="13">
        <v>62681.27</v>
      </c>
      <c r="F61" s="12"/>
      <c r="G61" s="12"/>
    </row>
    <row r="62" spans="1:7" x14ac:dyDescent="0.25">
      <c r="C62" s="12"/>
      <c r="D62" s="12"/>
      <c r="E62" s="12"/>
      <c r="F62" s="12"/>
      <c r="G62" s="12"/>
    </row>
    <row r="63" spans="1:7" x14ac:dyDescent="0.25">
      <c r="A63" s="10" t="s">
        <v>6</v>
      </c>
      <c r="B63" s="10" t="s">
        <v>1251</v>
      </c>
      <c r="C63" s="14" t="s">
        <v>1252</v>
      </c>
      <c r="D63" s="14" t="s">
        <v>1253</v>
      </c>
      <c r="E63" s="14" t="s">
        <v>1254</v>
      </c>
      <c r="F63" s="14" t="s">
        <v>1255</v>
      </c>
      <c r="G63" s="12"/>
    </row>
    <row r="64" spans="1:7" x14ac:dyDescent="0.25">
      <c r="A64" s="10" t="s">
        <v>7</v>
      </c>
      <c r="B64" s="10" t="s">
        <v>7</v>
      </c>
      <c r="C64" s="14" t="s">
        <v>7</v>
      </c>
      <c r="D64" s="14" t="s">
        <v>7</v>
      </c>
      <c r="E64" s="14" t="s">
        <v>7</v>
      </c>
      <c r="F64" s="14" t="s">
        <v>7</v>
      </c>
      <c r="G64" s="12"/>
    </row>
    <row r="65" spans="1:7" x14ac:dyDescent="0.25">
      <c r="A65" s="3" t="s">
        <v>93</v>
      </c>
      <c r="B65" s="5" t="s">
        <v>1256</v>
      </c>
      <c r="C65" s="11">
        <v>166454698.40000001</v>
      </c>
      <c r="D65" s="11">
        <v>18936475.27</v>
      </c>
      <c r="E65" s="11">
        <v>106118934.97</v>
      </c>
      <c r="F65" s="11">
        <v>41399288.159999996</v>
      </c>
      <c r="G65" s="12"/>
    </row>
    <row r="66" spans="1:7" x14ac:dyDescent="0.25">
      <c r="A66" s="2" t="s">
        <v>95</v>
      </c>
      <c r="B66" s="4" t="s">
        <v>1257</v>
      </c>
      <c r="C66" s="13">
        <v>135907809.11000001</v>
      </c>
      <c r="D66" s="13">
        <v>18936420.039999999</v>
      </c>
      <c r="E66" s="13">
        <v>75734607.049999997</v>
      </c>
      <c r="F66" s="13">
        <v>41236782.020000003</v>
      </c>
      <c r="G66" s="12"/>
    </row>
    <row r="67" spans="1:7" x14ac:dyDescent="0.25">
      <c r="A67" s="2" t="s">
        <v>97</v>
      </c>
      <c r="B67" s="4" t="s">
        <v>1258</v>
      </c>
      <c r="C67" s="13">
        <v>4025373.25</v>
      </c>
      <c r="D67" s="13">
        <v>0</v>
      </c>
      <c r="E67" s="13">
        <v>4025373.25</v>
      </c>
      <c r="F67" s="13">
        <v>0</v>
      </c>
      <c r="G67" s="12"/>
    </row>
    <row r="68" spans="1:7" x14ac:dyDescent="0.25">
      <c r="A68" s="2" t="s">
        <v>99</v>
      </c>
      <c r="B68" s="4" t="s">
        <v>1259</v>
      </c>
      <c r="C68" s="13">
        <v>16962681.920000002</v>
      </c>
      <c r="D68" s="13">
        <v>55.23</v>
      </c>
      <c r="E68" s="13">
        <v>16898531.440000001</v>
      </c>
      <c r="F68" s="13">
        <v>64095.25</v>
      </c>
      <c r="G68" s="12"/>
    </row>
    <row r="69" spans="1:7" x14ac:dyDescent="0.25">
      <c r="A69" s="2" t="s">
        <v>101</v>
      </c>
      <c r="B69" s="4" t="s">
        <v>1260</v>
      </c>
      <c r="C69" s="13">
        <v>6820249.0099999998</v>
      </c>
      <c r="D69" s="13">
        <v>0</v>
      </c>
      <c r="E69" s="13">
        <v>6721838.1200000001</v>
      </c>
      <c r="F69" s="13">
        <v>98410.89</v>
      </c>
      <c r="G69" s="12"/>
    </row>
    <row r="70" spans="1:7" x14ac:dyDescent="0.25">
      <c r="A70" s="2" t="s">
        <v>103</v>
      </c>
      <c r="B70" s="4" t="s">
        <v>1261</v>
      </c>
      <c r="C70" s="13">
        <v>2738585.11</v>
      </c>
      <c r="D70" s="13">
        <v>0</v>
      </c>
      <c r="E70" s="13">
        <v>2738585.11</v>
      </c>
      <c r="F70" s="13">
        <v>0</v>
      </c>
      <c r="G70" s="12"/>
    </row>
    <row r="71" spans="1:7" x14ac:dyDescent="0.25">
      <c r="A71" s="3" t="s">
        <v>105</v>
      </c>
      <c r="B71" s="5" t="s">
        <v>1262</v>
      </c>
      <c r="C71" s="11">
        <v>1011332645.17</v>
      </c>
      <c r="D71" s="11">
        <v>85636460.480000004</v>
      </c>
      <c r="E71" s="11">
        <v>538357326.5</v>
      </c>
      <c r="F71" s="11">
        <v>387338858.19</v>
      </c>
      <c r="G71" s="12"/>
    </row>
    <row r="72" spans="1:7" x14ac:dyDescent="0.25">
      <c r="A72" s="2" t="s">
        <v>107</v>
      </c>
      <c r="B72" s="4" t="s">
        <v>1257</v>
      </c>
      <c r="C72" s="13">
        <v>939583359.05999994</v>
      </c>
      <c r="D72" s="13">
        <v>78652189.159999996</v>
      </c>
      <c r="E72" s="13">
        <v>496404634.69999999</v>
      </c>
      <c r="F72" s="13">
        <v>364526535.19999999</v>
      </c>
      <c r="G72" s="12"/>
    </row>
    <row r="73" spans="1:7" x14ac:dyDescent="0.25">
      <c r="A73" s="2" t="s">
        <v>109</v>
      </c>
      <c r="B73" s="4" t="s">
        <v>1258</v>
      </c>
      <c r="C73" s="13">
        <v>12822002.48</v>
      </c>
      <c r="D73" s="13">
        <v>1074391.51</v>
      </c>
      <c r="E73" s="13">
        <v>8089429.46</v>
      </c>
      <c r="F73" s="13">
        <v>3658181.51</v>
      </c>
      <c r="G73" s="12"/>
    </row>
    <row r="74" spans="1:7" x14ac:dyDescent="0.25">
      <c r="A74" s="2" t="s">
        <v>111</v>
      </c>
      <c r="B74" s="4" t="s">
        <v>1259</v>
      </c>
      <c r="C74" s="13">
        <v>22162350.27</v>
      </c>
      <c r="D74" s="13">
        <v>4928933.12</v>
      </c>
      <c r="E74" s="13">
        <v>16503139.449999999</v>
      </c>
      <c r="F74" s="13">
        <v>730277.7</v>
      </c>
      <c r="G74" s="12"/>
    </row>
    <row r="75" spans="1:7" x14ac:dyDescent="0.25">
      <c r="A75" s="2" t="s">
        <v>113</v>
      </c>
      <c r="B75" s="4" t="s">
        <v>1260</v>
      </c>
      <c r="C75" s="13">
        <v>34568944.939999998</v>
      </c>
      <c r="D75" s="13">
        <v>167274.37</v>
      </c>
      <c r="E75" s="13">
        <v>16088988.310000001</v>
      </c>
      <c r="F75" s="13">
        <v>18312682.260000002</v>
      </c>
      <c r="G75" s="12"/>
    </row>
    <row r="76" spans="1:7" x14ac:dyDescent="0.25">
      <c r="A76" s="2" t="s">
        <v>115</v>
      </c>
      <c r="B76" s="4" t="s">
        <v>1261</v>
      </c>
      <c r="C76" s="13">
        <v>2195988.42</v>
      </c>
      <c r="D76" s="13">
        <v>813672.32</v>
      </c>
      <c r="E76" s="13">
        <v>1271134.58</v>
      </c>
      <c r="F76" s="13">
        <v>111181.52</v>
      </c>
      <c r="G76" s="12"/>
    </row>
    <row r="77" spans="1:7" x14ac:dyDescent="0.25">
      <c r="A77" s="3" t="s">
        <v>117</v>
      </c>
      <c r="B77" s="5" t="s">
        <v>1263</v>
      </c>
      <c r="C77" s="11">
        <v>1177787343.5699999</v>
      </c>
      <c r="D77" s="11">
        <v>104572935.75</v>
      </c>
      <c r="E77" s="11">
        <v>644476261.47000003</v>
      </c>
      <c r="F77" s="11">
        <v>428738146.35000002</v>
      </c>
      <c r="G77" s="12"/>
    </row>
    <row r="78" spans="1:7" x14ac:dyDescent="0.25">
      <c r="C78" s="12"/>
      <c r="D78" s="12"/>
      <c r="E78" s="12"/>
      <c r="F78" s="12"/>
      <c r="G78" s="12"/>
    </row>
    <row r="79" spans="1:7" x14ac:dyDescent="0.25">
      <c r="A79" s="10" t="s">
        <v>6</v>
      </c>
      <c r="B79" s="10" t="s">
        <v>1264</v>
      </c>
      <c r="C79" s="14" t="s">
        <v>1265</v>
      </c>
      <c r="D79" s="14" t="s">
        <v>1266</v>
      </c>
      <c r="E79" s="14" t="s">
        <v>1266</v>
      </c>
      <c r="F79" s="12"/>
      <c r="G79" s="12"/>
    </row>
    <row r="80" spans="1:7" ht="21" x14ac:dyDescent="0.25">
      <c r="A80" s="10" t="s">
        <v>7</v>
      </c>
      <c r="B80" s="10" t="s">
        <v>7</v>
      </c>
      <c r="C80" s="14" t="s">
        <v>7</v>
      </c>
      <c r="D80" s="15" t="s">
        <v>1267</v>
      </c>
      <c r="E80" s="15" t="s">
        <v>1268</v>
      </c>
      <c r="F80" s="12"/>
      <c r="G80" s="12"/>
    </row>
    <row r="81" spans="1:7" x14ac:dyDescent="0.25">
      <c r="A81" s="2" t="s">
        <v>119</v>
      </c>
      <c r="B81" s="4" t="s">
        <v>1269</v>
      </c>
      <c r="C81" s="13">
        <v>1983661602.0699999</v>
      </c>
      <c r="D81" s="13">
        <v>25</v>
      </c>
      <c r="E81" s="13">
        <v>26.96</v>
      </c>
      <c r="F81" s="12"/>
      <c r="G81" s="12"/>
    </row>
    <row r="82" spans="1:7" x14ac:dyDescent="0.25">
      <c r="A82" s="2" t="s">
        <v>120</v>
      </c>
      <c r="B82" s="4" t="s">
        <v>1270</v>
      </c>
      <c r="C82" s="13">
        <v>696280052.96000004</v>
      </c>
      <c r="D82" s="13">
        <v>70</v>
      </c>
      <c r="E82" s="13">
        <v>87.73</v>
      </c>
      <c r="F82" s="12"/>
      <c r="G82" s="12"/>
    </row>
    <row r="83" spans="1:7" x14ac:dyDescent="0.25">
      <c r="A83" s="2" t="s">
        <v>121</v>
      </c>
      <c r="B83" s="4" t="s">
        <v>1271</v>
      </c>
      <c r="C83" s="13">
        <v>0</v>
      </c>
      <c r="D83" s="13">
        <v>50</v>
      </c>
      <c r="E83" s="13">
        <v>0</v>
      </c>
      <c r="F83" s="12"/>
      <c r="G83" s="12"/>
    </row>
    <row r="84" spans="1:7" x14ac:dyDescent="0.25">
      <c r="A84" s="2" t="s">
        <v>122</v>
      </c>
      <c r="B84" s="4" t="s">
        <v>1272</v>
      </c>
      <c r="C84" s="13">
        <v>0</v>
      </c>
      <c r="D84" s="13">
        <v>15</v>
      </c>
      <c r="E84" s="13">
        <v>0</v>
      </c>
      <c r="F84" s="12"/>
      <c r="G84" s="12"/>
    </row>
    <row r="85" spans="1:7" x14ac:dyDescent="0.25">
      <c r="C85" s="12"/>
      <c r="D85" s="12"/>
      <c r="E85" s="12"/>
      <c r="F85" s="12"/>
      <c r="G85" s="12"/>
    </row>
    <row r="86" spans="1:7" x14ac:dyDescent="0.25">
      <c r="A86" s="10" t="s">
        <v>6</v>
      </c>
      <c r="B86" s="10" t="s">
        <v>1273</v>
      </c>
      <c r="C86" s="14" t="s">
        <v>1274</v>
      </c>
      <c r="D86" s="14" t="s">
        <v>1275</v>
      </c>
      <c r="E86" s="12"/>
      <c r="F86" s="12"/>
      <c r="G86" s="12"/>
    </row>
    <row r="87" spans="1:7" x14ac:dyDescent="0.25">
      <c r="A87" s="10" t="s">
        <v>7</v>
      </c>
      <c r="B87" s="10" t="s">
        <v>7</v>
      </c>
      <c r="C87" s="14" t="s">
        <v>7</v>
      </c>
      <c r="D87" s="14" t="s">
        <v>7</v>
      </c>
      <c r="E87" s="12"/>
      <c r="F87" s="12"/>
      <c r="G87" s="12"/>
    </row>
    <row r="88" spans="1:7" x14ac:dyDescent="0.25">
      <c r="A88" s="2" t="s">
        <v>123</v>
      </c>
      <c r="B88" s="4" t="s">
        <v>1276</v>
      </c>
      <c r="C88" s="13">
        <v>0</v>
      </c>
      <c r="D88" s="13">
        <v>0</v>
      </c>
      <c r="E88" s="12"/>
      <c r="F88" s="12"/>
      <c r="G88" s="12"/>
    </row>
    <row r="89" spans="1:7" x14ac:dyDescent="0.25">
      <c r="A89" s="2" t="s">
        <v>124</v>
      </c>
      <c r="B89" s="4" t="s">
        <v>1277</v>
      </c>
      <c r="C89" s="13">
        <v>0</v>
      </c>
      <c r="D89" s="13">
        <v>0</v>
      </c>
      <c r="E89" s="12"/>
      <c r="F89" s="12"/>
      <c r="G89" s="12"/>
    </row>
    <row r="90" spans="1:7" x14ac:dyDescent="0.25">
      <c r="C90" s="12"/>
      <c r="D90" s="12"/>
      <c r="E90" s="12"/>
      <c r="F90" s="12"/>
      <c r="G90" s="12"/>
    </row>
    <row r="91" spans="1:7" x14ac:dyDescent="0.25">
      <c r="A91" s="10" t="s">
        <v>6</v>
      </c>
      <c r="B91" s="10" t="s">
        <v>1278</v>
      </c>
      <c r="C91" s="14" t="s">
        <v>1279</v>
      </c>
      <c r="D91" s="14" t="s">
        <v>1280</v>
      </c>
      <c r="E91" s="14" t="s">
        <v>1281</v>
      </c>
      <c r="F91" s="14" t="s">
        <v>1282</v>
      </c>
      <c r="G91" s="12"/>
    </row>
    <row r="92" spans="1:7" x14ac:dyDescent="0.25">
      <c r="A92" s="10" t="s">
        <v>7</v>
      </c>
      <c r="B92" s="10" t="s">
        <v>7</v>
      </c>
      <c r="C92" s="14" t="s">
        <v>7</v>
      </c>
      <c r="D92" s="14" t="s">
        <v>7</v>
      </c>
      <c r="E92" s="14" t="s">
        <v>7</v>
      </c>
      <c r="F92" s="14" t="s">
        <v>7</v>
      </c>
      <c r="G92" s="12"/>
    </row>
    <row r="93" spans="1:7" x14ac:dyDescent="0.25">
      <c r="A93" s="2" t="s">
        <v>125</v>
      </c>
      <c r="B93" s="4" t="s">
        <v>1283</v>
      </c>
      <c r="C93" s="13">
        <v>0</v>
      </c>
      <c r="D93" s="13">
        <v>0</v>
      </c>
      <c r="E93" s="13">
        <v>0</v>
      </c>
      <c r="F93" s="13">
        <v>0</v>
      </c>
      <c r="G93" s="12"/>
    </row>
    <row r="94" spans="1:7" x14ac:dyDescent="0.25">
      <c r="A94" s="2" t="s">
        <v>127</v>
      </c>
      <c r="B94" s="4" t="s">
        <v>1284</v>
      </c>
      <c r="C94" s="13">
        <v>0</v>
      </c>
      <c r="D94" s="13">
        <v>0</v>
      </c>
      <c r="E94" s="13">
        <v>0</v>
      </c>
      <c r="F94" s="13">
        <v>0</v>
      </c>
      <c r="G94" s="12"/>
    </row>
    <row r="95" spans="1:7" x14ac:dyDescent="0.25">
      <c r="A95" s="2" t="s">
        <v>129</v>
      </c>
      <c r="B95" s="4" t="s">
        <v>1285</v>
      </c>
      <c r="C95" s="13">
        <v>0</v>
      </c>
      <c r="D95" s="13">
        <v>0</v>
      </c>
      <c r="E95" s="13">
        <v>0</v>
      </c>
      <c r="F95" s="13">
        <v>0</v>
      </c>
      <c r="G95" s="12"/>
    </row>
    <row r="96" spans="1:7" x14ac:dyDescent="0.25">
      <c r="A96" s="2" t="s">
        <v>131</v>
      </c>
      <c r="B96" s="4" t="s">
        <v>1237</v>
      </c>
      <c r="C96" s="13">
        <v>0</v>
      </c>
      <c r="D96" s="13">
        <v>0</v>
      </c>
      <c r="E96" s="13">
        <v>0</v>
      </c>
      <c r="F96" s="13">
        <v>0</v>
      </c>
      <c r="G96" s="12"/>
    </row>
    <row r="97" spans="1:7" x14ac:dyDescent="0.25">
      <c r="A97" s="2" t="s">
        <v>133</v>
      </c>
      <c r="B97" s="4" t="s">
        <v>1286</v>
      </c>
      <c r="C97" s="13">
        <v>0</v>
      </c>
      <c r="D97" s="13">
        <v>0</v>
      </c>
      <c r="E97" s="13">
        <v>0</v>
      </c>
      <c r="F97" s="13">
        <v>0</v>
      </c>
      <c r="G97" s="12"/>
    </row>
    <row r="98" spans="1:7" x14ac:dyDescent="0.25">
      <c r="A98" s="2" t="s">
        <v>135</v>
      </c>
      <c r="B98" s="4" t="s">
        <v>1284</v>
      </c>
      <c r="C98" s="13">
        <v>0</v>
      </c>
      <c r="D98" s="13">
        <v>0</v>
      </c>
      <c r="E98" s="13">
        <v>0</v>
      </c>
      <c r="F98" s="13">
        <v>0</v>
      </c>
      <c r="G98" s="12"/>
    </row>
    <row r="99" spans="1:7" x14ac:dyDescent="0.25">
      <c r="A99" s="2" t="s">
        <v>137</v>
      </c>
      <c r="B99" s="4" t="s">
        <v>1285</v>
      </c>
      <c r="C99" s="13">
        <v>0</v>
      </c>
      <c r="D99" s="13">
        <v>0</v>
      </c>
      <c r="E99" s="13">
        <v>0</v>
      </c>
      <c r="F99" s="13">
        <v>0</v>
      </c>
      <c r="G99" s="12"/>
    </row>
    <row r="100" spans="1:7" x14ac:dyDescent="0.25">
      <c r="A100" s="2" t="s">
        <v>139</v>
      </c>
      <c r="B100" s="4" t="s">
        <v>1237</v>
      </c>
      <c r="C100" s="13">
        <v>0</v>
      </c>
      <c r="D100" s="13">
        <v>0</v>
      </c>
      <c r="E100" s="13">
        <v>0</v>
      </c>
      <c r="F100" s="13">
        <v>0</v>
      </c>
      <c r="G100" s="12"/>
    </row>
    <row r="101" spans="1:7" x14ac:dyDescent="0.25">
      <c r="A101" s="2" t="s">
        <v>141</v>
      </c>
      <c r="B101" s="4" t="s">
        <v>1287</v>
      </c>
      <c r="C101" s="13">
        <v>0</v>
      </c>
      <c r="D101" s="13">
        <v>0</v>
      </c>
      <c r="E101" s="13">
        <v>0</v>
      </c>
      <c r="F101" s="13">
        <v>0</v>
      </c>
      <c r="G101" s="12"/>
    </row>
    <row r="102" spans="1:7" x14ac:dyDescent="0.25">
      <c r="A102" s="2" t="s">
        <v>143</v>
      </c>
      <c r="B102" s="4" t="s">
        <v>1288</v>
      </c>
      <c r="C102" s="13">
        <v>0</v>
      </c>
      <c r="D102" s="13">
        <v>0</v>
      </c>
      <c r="E102" s="13">
        <v>0</v>
      </c>
      <c r="F102" s="13">
        <v>0</v>
      </c>
      <c r="G102" s="12"/>
    </row>
    <row r="103" spans="1:7" x14ac:dyDescent="0.25">
      <c r="A103" s="2" t="s">
        <v>145</v>
      </c>
      <c r="B103" s="4" t="s">
        <v>1289</v>
      </c>
      <c r="C103" s="13">
        <v>0</v>
      </c>
      <c r="D103" s="13">
        <v>0</v>
      </c>
      <c r="E103" s="13">
        <v>0</v>
      </c>
      <c r="F103" s="13">
        <v>0</v>
      </c>
      <c r="G103" s="12"/>
    </row>
    <row r="104" spans="1:7" x14ac:dyDescent="0.25">
      <c r="A104" s="2" t="s">
        <v>147</v>
      </c>
      <c r="B104" s="4" t="s">
        <v>1244</v>
      </c>
      <c r="C104" s="13">
        <v>0</v>
      </c>
      <c r="D104" s="13">
        <v>0</v>
      </c>
      <c r="E104" s="13">
        <v>0</v>
      </c>
      <c r="F104" s="13">
        <v>0</v>
      </c>
      <c r="G104" s="12"/>
    </row>
    <row r="105" spans="1:7" x14ac:dyDescent="0.25">
      <c r="C105" s="12"/>
      <c r="D105" s="12"/>
      <c r="E105" s="12"/>
      <c r="F105" s="12"/>
      <c r="G105" s="12"/>
    </row>
    <row r="106" spans="1:7" x14ac:dyDescent="0.25">
      <c r="A106" s="10" t="s">
        <v>6</v>
      </c>
      <c r="B106" s="10" t="s">
        <v>1290</v>
      </c>
      <c r="C106" s="14" t="s">
        <v>1274</v>
      </c>
      <c r="D106" s="14" t="s">
        <v>1291</v>
      </c>
      <c r="E106" s="12"/>
      <c r="F106" s="12"/>
      <c r="G106" s="12"/>
    </row>
    <row r="107" spans="1:7" x14ac:dyDescent="0.25">
      <c r="A107" s="10" t="s">
        <v>7</v>
      </c>
      <c r="B107" s="10" t="s">
        <v>7</v>
      </c>
      <c r="C107" s="14" t="s">
        <v>7</v>
      </c>
      <c r="D107" s="14" t="s">
        <v>7</v>
      </c>
      <c r="E107" s="12"/>
      <c r="F107" s="12"/>
      <c r="G107" s="12"/>
    </row>
    <row r="108" spans="1:7" x14ac:dyDescent="0.25">
      <c r="A108" s="2" t="s">
        <v>149</v>
      </c>
      <c r="B108" s="4" t="s">
        <v>1292</v>
      </c>
      <c r="C108" s="13">
        <v>0</v>
      </c>
      <c r="D108" s="13">
        <v>0</v>
      </c>
      <c r="E108" s="12"/>
      <c r="F108" s="12"/>
      <c r="G108" s="12"/>
    </row>
    <row r="109" spans="1:7" x14ac:dyDescent="0.25">
      <c r="A109" s="2" t="s">
        <v>151</v>
      </c>
      <c r="B109" s="4" t="s">
        <v>1293</v>
      </c>
      <c r="C109" s="13">
        <v>0</v>
      </c>
      <c r="D109" s="13">
        <v>0</v>
      </c>
      <c r="E109" s="12"/>
      <c r="F109" s="12"/>
      <c r="G109" s="12"/>
    </row>
    <row r="110" spans="1:7" x14ac:dyDescent="0.25">
      <c r="C110" s="12"/>
      <c r="D110" s="12"/>
      <c r="E110" s="12"/>
      <c r="F110" s="12"/>
      <c r="G110" s="12"/>
    </row>
    <row r="111" spans="1:7" x14ac:dyDescent="0.25">
      <c r="A111" s="10" t="s">
        <v>6</v>
      </c>
      <c r="B111" s="10" t="s">
        <v>1294</v>
      </c>
      <c r="C111" s="14" t="s">
        <v>1265</v>
      </c>
      <c r="D111" s="14" t="s">
        <v>1295</v>
      </c>
      <c r="E111" s="14" t="s">
        <v>1295</v>
      </c>
      <c r="F111" s="12"/>
      <c r="G111" s="12"/>
    </row>
    <row r="112" spans="1:7" ht="21" x14ac:dyDescent="0.25">
      <c r="A112" s="10" t="s">
        <v>7</v>
      </c>
      <c r="B112" s="10" t="s">
        <v>7</v>
      </c>
      <c r="C112" s="14" t="s">
        <v>7</v>
      </c>
      <c r="D112" s="15" t="s">
        <v>1267</v>
      </c>
      <c r="E112" s="15" t="s">
        <v>1268</v>
      </c>
      <c r="F112" s="12"/>
      <c r="G112" s="12"/>
    </row>
    <row r="113" spans="1:7" x14ac:dyDescent="0.25">
      <c r="A113" s="2" t="s">
        <v>153</v>
      </c>
      <c r="B113" s="4" t="s">
        <v>1296</v>
      </c>
      <c r="C113" s="13">
        <v>811021483.27999997</v>
      </c>
      <c r="D113" s="13">
        <v>12</v>
      </c>
      <c r="E113" s="13">
        <v>11.02</v>
      </c>
      <c r="F113" s="12"/>
      <c r="G113" s="12"/>
    </row>
    <row r="114" spans="1:7" x14ac:dyDescent="0.25">
      <c r="C114" s="12"/>
      <c r="D114" s="12"/>
      <c r="E114" s="12"/>
      <c r="F114" s="12"/>
      <c r="G114" s="12"/>
    </row>
    <row r="115" spans="1:7" x14ac:dyDescent="0.25">
      <c r="A115" s="10" t="s">
        <v>6</v>
      </c>
      <c r="B115" s="10" t="s">
        <v>1297</v>
      </c>
      <c r="C115" s="14" t="s">
        <v>1298</v>
      </c>
      <c r="D115" s="12"/>
      <c r="E115" s="12"/>
      <c r="F115" s="12"/>
      <c r="G115" s="12"/>
    </row>
    <row r="116" spans="1:7" x14ac:dyDescent="0.25">
      <c r="A116" s="10" t="s">
        <v>7</v>
      </c>
      <c r="B116" s="10" t="s">
        <v>7</v>
      </c>
      <c r="C116" s="14" t="s">
        <v>7</v>
      </c>
      <c r="D116" s="12"/>
      <c r="E116" s="12"/>
      <c r="F116" s="12"/>
      <c r="G116" s="12"/>
    </row>
    <row r="117" spans="1:7" x14ac:dyDescent="0.25">
      <c r="A117" s="2" t="s">
        <v>154</v>
      </c>
      <c r="B117" s="4" t="s">
        <v>1299</v>
      </c>
      <c r="C117" s="13">
        <v>0</v>
      </c>
      <c r="D117" s="12"/>
      <c r="E117" s="12"/>
      <c r="F117" s="12"/>
      <c r="G117" s="12"/>
    </row>
  </sheetData>
  <mergeCells count="54">
    <mergeCell ref="A111:A112"/>
    <mergeCell ref="B111:B112"/>
    <mergeCell ref="C111:C112"/>
    <mergeCell ref="D111:E111"/>
    <mergeCell ref="A115:A116"/>
    <mergeCell ref="B115:B116"/>
    <mergeCell ref="C115:C116"/>
    <mergeCell ref="E91:E92"/>
    <mergeCell ref="F91:F92"/>
    <mergeCell ref="A106:A107"/>
    <mergeCell ref="B106:B107"/>
    <mergeCell ref="C106:C107"/>
    <mergeCell ref="D106:D107"/>
    <mergeCell ref="A86:A87"/>
    <mergeCell ref="B86:B87"/>
    <mergeCell ref="C86:C87"/>
    <mergeCell ref="D86:D87"/>
    <mergeCell ref="A91:A92"/>
    <mergeCell ref="B91:B92"/>
    <mergeCell ref="C91:C92"/>
    <mergeCell ref="D91:D92"/>
    <mergeCell ref="F63:F64"/>
    <mergeCell ref="A79:A80"/>
    <mergeCell ref="B79:B80"/>
    <mergeCell ref="C79:C80"/>
    <mergeCell ref="D79:E79"/>
    <mergeCell ref="A63:A64"/>
    <mergeCell ref="B63:B64"/>
    <mergeCell ref="C63:C64"/>
    <mergeCell ref="D63:D64"/>
    <mergeCell ref="E63:E64"/>
    <mergeCell ref="A58:A59"/>
    <mergeCell ref="B58:B59"/>
    <mergeCell ref="C58:C59"/>
    <mergeCell ref="D58:D59"/>
    <mergeCell ref="E58:E59"/>
    <mergeCell ref="A31:A32"/>
    <mergeCell ref="B31:B32"/>
    <mergeCell ref="C31:C32"/>
    <mergeCell ref="A37:A38"/>
    <mergeCell ref="B37:B38"/>
    <mergeCell ref="C37:C38"/>
    <mergeCell ref="A9:F9"/>
    <mergeCell ref="A10:A11"/>
    <mergeCell ref="B10:B11"/>
    <mergeCell ref="C10:C11"/>
    <mergeCell ref="A26:A27"/>
    <mergeCell ref="B26:B27"/>
    <mergeCell ref="C26:C27"/>
    <mergeCell ref="A3:F3"/>
    <mergeCell ref="A4:F4"/>
    <mergeCell ref="A5:F5"/>
    <mergeCell ref="A6:F6"/>
    <mergeCell ref="A7:F7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R28"/>
  <sheetViews>
    <sheetView showGridLines="0" workbookViewId="0"/>
  </sheetViews>
  <sheetFormatPr defaultRowHeight="15" x14ac:dyDescent="0.25"/>
  <cols>
    <col min="1" max="1" width="1.85546875" bestFit="1" customWidth="1"/>
    <col min="2" max="2" width="64" bestFit="1" customWidth="1"/>
    <col min="3" max="14" width="19" bestFit="1" customWidth="1"/>
    <col min="15" max="15" width="20.140625" bestFit="1" customWidth="1"/>
    <col min="16" max="16" width="17.28515625" bestFit="1" customWidth="1"/>
    <col min="17" max="17" width="16" bestFit="1" customWidth="1"/>
    <col min="18" max="18" width="20.140625" bestFit="1" customWidth="1"/>
  </cols>
  <sheetData>
    <row r="3" spans="1:18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7"/>
      <c r="O3" s="7"/>
      <c r="P3" s="7"/>
      <c r="Q3" s="7"/>
      <c r="R3" s="7"/>
    </row>
    <row r="4" spans="1:18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  <c r="N4" s="7"/>
      <c r="O4" s="7"/>
      <c r="P4" s="7"/>
      <c r="Q4" s="7"/>
      <c r="R4" s="7"/>
    </row>
    <row r="5" spans="1:18" x14ac:dyDescent="0.25">
      <c r="A5" s="8" t="s">
        <v>370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  <c r="O5" s="7"/>
      <c r="P5" s="7"/>
      <c r="Q5" s="7"/>
      <c r="R5" s="7"/>
    </row>
    <row r="6" spans="1:18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  <c r="N6" s="7"/>
      <c r="O6" s="7"/>
      <c r="P6" s="7"/>
      <c r="Q6" s="7"/>
      <c r="R6" s="7"/>
    </row>
    <row r="7" spans="1:18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  <c r="N7" s="7"/>
      <c r="O7" s="7"/>
      <c r="P7" s="7"/>
      <c r="Q7" s="7"/>
      <c r="R7" s="7"/>
    </row>
    <row r="9" spans="1:18" x14ac:dyDescent="0.25">
      <c r="A9" s="9" t="s">
        <v>371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  <c r="N9" s="7"/>
      <c r="O9" s="7"/>
      <c r="P9" s="7"/>
      <c r="Q9" s="7"/>
      <c r="R9" s="7"/>
    </row>
    <row r="10" spans="1:18" x14ac:dyDescent="0.25">
      <c r="A10" s="10" t="s">
        <v>6</v>
      </c>
      <c r="B10" s="10" t="s">
        <v>230</v>
      </c>
      <c r="C10" s="10" t="s">
        <v>372</v>
      </c>
      <c r="D10" s="10" t="s">
        <v>7</v>
      </c>
      <c r="E10" s="10" t="s">
        <v>7</v>
      </c>
      <c r="F10" s="10" t="s">
        <v>7</v>
      </c>
      <c r="G10" s="10" t="s">
        <v>7</v>
      </c>
      <c r="H10" s="10" t="s">
        <v>7</v>
      </c>
      <c r="I10" s="10" t="s">
        <v>7</v>
      </c>
      <c r="J10" s="10" t="s">
        <v>7</v>
      </c>
      <c r="K10" s="10" t="s">
        <v>7</v>
      </c>
      <c r="L10" s="10" t="s">
        <v>7</v>
      </c>
      <c r="M10" s="10" t="s">
        <v>7</v>
      </c>
      <c r="N10" s="10" t="s">
        <v>7</v>
      </c>
      <c r="O10" s="10" t="s">
        <v>385</v>
      </c>
    </row>
    <row r="11" spans="1:18" x14ac:dyDescent="0.25">
      <c r="A11" s="10" t="s">
        <v>7</v>
      </c>
      <c r="B11" s="10" t="s">
        <v>7</v>
      </c>
      <c r="C11" s="1" t="s">
        <v>373</v>
      </c>
      <c r="D11" s="1" t="s">
        <v>374</v>
      </c>
      <c r="E11" s="1" t="s">
        <v>375</v>
      </c>
      <c r="F11" s="1" t="s">
        <v>376</v>
      </c>
      <c r="G11" s="1" t="s">
        <v>377</v>
      </c>
      <c r="H11" s="1" t="s">
        <v>378</v>
      </c>
      <c r="I11" s="1" t="s">
        <v>379</v>
      </c>
      <c r="J11" s="1" t="s">
        <v>380</v>
      </c>
      <c r="K11" s="1" t="s">
        <v>381</v>
      </c>
      <c r="L11" s="1" t="s">
        <v>382</v>
      </c>
      <c r="M11" s="1" t="s">
        <v>383</v>
      </c>
      <c r="N11" s="1" t="s">
        <v>384</v>
      </c>
      <c r="O11" s="10" t="s">
        <v>7</v>
      </c>
    </row>
    <row r="12" spans="1:18" x14ac:dyDescent="0.25">
      <c r="A12" s="3" t="s">
        <v>17</v>
      </c>
      <c r="B12" s="5" t="s">
        <v>386</v>
      </c>
      <c r="C12" s="11">
        <v>1629135355.9000001</v>
      </c>
      <c r="D12" s="11">
        <v>1690790099.6500001</v>
      </c>
      <c r="E12" s="11">
        <v>1618521021.1600001</v>
      </c>
      <c r="F12" s="11">
        <v>1620205675.54</v>
      </c>
      <c r="G12" s="11">
        <v>1727036997.8399999</v>
      </c>
      <c r="H12" s="11">
        <v>2176477752.3600001</v>
      </c>
      <c r="I12" s="11">
        <v>1771059392.4200001</v>
      </c>
      <c r="J12" s="11">
        <v>1625357194.96</v>
      </c>
      <c r="K12" s="11">
        <v>1802987858.4100001</v>
      </c>
      <c r="L12" s="11">
        <v>1800700477.76</v>
      </c>
      <c r="M12" s="11">
        <v>1963749139.3399999</v>
      </c>
      <c r="N12" s="11">
        <v>1974060098.4400001</v>
      </c>
      <c r="O12" s="11">
        <v>21400081063.779999</v>
      </c>
      <c r="P12" s="12"/>
      <c r="Q12" s="12"/>
      <c r="R12" s="12"/>
    </row>
    <row r="13" spans="1:18" x14ac:dyDescent="0.25">
      <c r="A13" s="2" t="s">
        <v>19</v>
      </c>
      <c r="B13" s="4" t="s">
        <v>387</v>
      </c>
      <c r="C13" s="13">
        <v>1419881729.9200001</v>
      </c>
      <c r="D13" s="13">
        <v>1524423494.1199999</v>
      </c>
      <c r="E13" s="13">
        <v>1452118108.73</v>
      </c>
      <c r="F13" s="13">
        <v>1450733216.71</v>
      </c>
      <c r="G13" s="13">
        <v>1543848721.77</v>
      </c>
      <c r="H13" s="13">
        <v>1799700967.54</v>
      </c>
      <c r="I13" s="13">
        <v>1677776132.01</v>
      </c>
      <c r="J13" s="13">
        <v>1439906501.8</v>
      </c>
      <c r="K13" s="13">
        <v>1625518644.26</v>
      </c>
      <c r="L13" s="13">
        <v>1585273469.26</v>
      </c>
      <c r="M13" s="13">
        <v>1767735433.9200001</v>
      </c>
      <c r="N13" s="13">
        <v>1786801788.74</v>
      </c>
      <c r="O13" s="13">
        <v>19073718208.779999</v>
      </c>
      <c r="P13" s="12"/>
      <c r="Q13" s="12"/>
      <c r="R13" s="12"/>
    </row>
    <row r="14" spans="1:18" x14ac:dyDescent="0.25">
      <c r="A14" s="2" t="s">
        <v>21</v>
      </c>
      <c r="B14" s="4" t="s">
        <v>226</v>
      </c>
      <c r="C14" s="13">
        <v>209253625.97999999</v>
      </c>
      <c r="D14" s="13">
        <v>166366605.53</v>
      </c>
      <c r="E14" s="13">
        <v>166402912.43000001</v>
      </c>
      <c r="F14" s="13">
        <v>169472458.83000001</v>
      </c>
      <c r="G14" s="13">
        <v>183188276.06999999</v>
      </c>
      <c r="H14" s="13">
        <v>376776784.81999999</v>
      </c>
      <c r="I14" s="13">
        <v>93283260.409999996</v>
      </c>
      <c r="J14" s="13">
        <v>185450693.16</v>
      </c>
      <c r="K14" s="13">
        <v>177469214.15000001</v>
      </c>
      <c r="L14" s="13">
        <v>215427008.5</v>
      </c>
      <c r="M14" s="13">
        <v>196013705.41999999</v>
      </c>
      <c r="N14" s="13">
        <v>187258309.69999999</v>
      </c>
      <c r="O14" s="13">
        <v>2326362855</v>
      </c>
      <c r="P14" s="12"/>
      <c r="Q14" s="12"/>
      <c r="R14" s="12"/>
    </row>
    <row r="15" spans="1:18" x14ac:dyDescent="0.25">
      <c r="C15" s="12"/>
      <c r="D15" s="12"/>
      <c r="E15" s="12"/>
      <c r="F15" s="12"/>
      <c r="G15" s="12"/>
      <c r="H15" s="12"/>
      <c r="I15" s="12"/>
      <c r="J15" s="12"/>
      <c r="K15" s="12"/>
      <c r="L15" s="12"/>
      <c r="M15" s="12"/>
      <c r="N15" s="12"/>
      <c r="O15" s="12"/>
      <c r="P15" s="12"/>
      <c r="Q15" s="12"/>
      <c r="R15" s="12"/>
    </row>
    <row r="16" spans="1:18" x14ac:dyDescent="0.25">
      <c r="A16" s="10" t="s">
        <v>6</v>
      </c>
      <c r="B16" s="10" t="s">
        <v>388</v>
      </c>
      <c r="C16" s="14" t="s">
        <v>389</v>
      </c>
      <c r="D16" s="14" t="s">
        <v>7</v>
      </c>
      <c r="E16" s="14" t="s">
        <v>7</v>
      </c>
      <c r="F16" s="14" t="s">
        <v>7</v>
      </c>
      <c r="G16" s="14" t="s">
        <v>7</v>
      </c>
      <c r="H16" s="14" t="s">
        <v>7</v>
      </c>
      <c r="I16" s="14" t="s">
        <v>7</v>
      </c>
      <c r="J16" s="14" t="s">
        <v>7</v>
      </c>
      <c r="K16" s="14" t="s">
        <v>7</v>
      </c>
      <c r="L16" s="14" t="s">
        <v>7</v>
      </c>
      <c r="M16" s="14" t="s">
        <v>7</v>
      </c>
      <c r="N16" s="14" t="s">
        <v>7</v>
      </c>
      <c r="O16" s="14" t="s">
        <v>390</v>
      </c>
      <c r="P16" s="14" t="s">
        <v>391</v>
      </c>
      <c r="Q16" s="14" t="s">
        <v>7</v>
      </c>
      <c r="R16" s="14" t="s">
        <v>394</v>
      </c>
    </row>
    <row r="17" spans="1:18" ht="42" x14ac:dyDescent="0.25">
      <c r="A17" s="10" t="s">
        <v>7</v>
      </c>
      <c r="B17" s="10" t="s">
        <v>7</v>
      </c>
      <c r="C17" s="15" t="s">
        <v>373</v>
      </c>
      <c r="D17" s="15" t="s">
        <v>374</v>
      </c>
      <c r="E17" s="15" t="s">
        <v>375</v>
      </c>
      <c r="F17" s="15" t="s">
        <v>376</v>
      </c>
      <c r="G17" s="15" t="s">
        <v>377</v>
      </c>
      <c r="H17" s="15" t="s">
        <v>378</v>
      </c>
      <c r="I17" s="15" t="s">
        <v>379</v>
      </c>
      <c r="J17" s="15" t="s">
        <v>380</v>
      </c>
      <c r="K17" s="15" t="s">
        <v>381</v>
      </c>
      <c r="L17" s="15" t="s">
        <v>382</v>
      </c>
      <c r="M17" s="15" t="s">
        <v>383</v>
      </c>
      <c r="N17" s="15" t="s">
        <v>384</v>
      </c>
      <c r="O17" s="14" t="s">
        <v>7</v>
      </c>
      <c r="P17" s="15" t="s">
        <v>392</v>
      </c>
      <c r="Q17" s="15" t="s">
        <v>393</v>
      </c>
      <c r="R17" s="14" t="s">
        <v>7</v>
      </c>
    </row>
    <row r="18" spans="1:18" x14ac:dyDescent="0.25">
      <c r="A18" s="3" t="s">
        <v>23</v>
      </c>
      <c r="B18" s="5" t="s">
        <v>395</v>
      </c>
      <c r="C18" s="11">
        <v>1244918382.7</v>
      </c>
      <c r="D18" s="11">
        <v>1281483387.53</v>
      </c>
      <c r="E18" s="11">
        <v>1267381434.2</v>
      </c>
      <c r="F18" s="11">
        <v>1256153616.8599999</v>
      </c>
      <c r="G18" s="11">
        <v>1293199726.6099999</v>
      </c>
      <c r="H18" s="11">
        <v>2231228016.46</v>
      </c>
      <c r="I18" s="11">
        <v>1169832839.48</v>
      </c>
      <c r="J18" s="11">
        <v>1290883066.02</v>
      </c>
      <c r="K18" s="11">
        <v>1419510668.3900001</v>
      </c>
      <c r="L18" s="11">
        <v>1425307254.8199999</v>
      </c>
      <c r="M18" s="11">
        <v>1455841085</v>
      </c>
      <c r="N18" s="11">
        <v>1589108946.21</v>
      </c>
      <c r="O18" s="11">
        <v>16924848424.280001</v>
      </c>
      <c r="P18" s="11">
        <v>366661568.51999998</v>
      </c>
      <c r="Q18" s="11">
        <v>37843372.829999998</v>
      </c>
      <c r="R18" s="11">
        <v>17253666619.970001</v>
      </c>
    </row>
    <row r="19" spans="1:18" x14ac:dyDescent="0.25">
      <c r="A19" s="2" t="s">
        <v>25</v>
      </c>
      <c r="B19" s="4" t="s">
        <v>396</v>
      </c>
      <c r="C19" s="13">
        <v>1079834734.79</v>
      </c>
      <c r="D19" s="13">
        <v>1116213252.79</v>
      </c>
      <c r="E19" s="13">
        <v>1101107845.6900001</v>
      </c>
      <c r="F19" s="13">
        <v>1087921916</v>
      </c>
      <c r="G19" s="13">
        <v>1115084746.3299999</v>
      </c>
      <c r="H19" s="13">
        <v>1922943784.77</v>
      </c>
      <c r="I19" s="13">
        <v>990472805.45000005</v>
      </c>
      <c r="J19" s="13">
        <v>1105928781.9200001</v>
      </c>
      <c r="K19" s="13">
        <v>1231924791.8800001</v>
      </c>
      <c r="L19" s="13">
        <v>1239989712.8499999</v>
      </c>
      <c r="M19" s="13">
        <v>1264765637.6099999</v>
      </c>
      <c r="N19" s="13">
        <v>1393901256.3800001</v>
      </c>
      <c r="O19" s="13">
        <v>14650089266.459999</v>
      </c>
      <c r="P19" s="13">
        <v>366661568.51999998</v>
      </c>
      <c r="Q19" s="13">
        <v>37843372.829999998</v>
      </c>
      <c r="R19" s="13">
        <v>14978907462.15</v>
      </c>
    </row>
    <row r="20" spans="1:18" x14ac:dyDescent="0.25">
      <c r="A20" s="2" t="s">
        <v>27</v>
      </c>
      <c r="B20" s="4" t="s">
        <v>349</v>
      </c>
      <c r="C20" s="13">
        <v>165083647.91</v>
      </c>
      <c r="D20" s="13">
        <v>165270134.74000001</v>
      </c>
      <c r="E20" s="13">
        <v>166273588.50999999</v>
      </c>
      <c r="F20" s="13">
        <v>168231700.86000001</v>
      </c>
      <c r="G20" s="13">
        <v>178114980.28</v>
      </c>
      <c r="H20" s="13">
        <v>308284231.69</v>
      </c>
      <c r="I20" s="13">
        <v>179360034.03</v>
      </c>
      <c r="J20" s="13">
        <v>184954284.09999999</v>
      </c>
      <c r="K20" s="13">
        <v>187585876.50999999</v>
      </c>
      <c r="L20" s="13">
        <v>185317541.97</v>
      </c>
      <c r="M20" s="13">
        <v>191075447.38999999</v>
      </c>
      <c r="N20" s="13">
        <v>195207689.83000001</v>
      </c>
      <c r="O20" s="13">
        <v>2274759157.8200002</v>
      </c>
      <c r="P20" s="13">
        <v>0</v>
      </c>
      <c r="Q20" s="13">
        <v>0</v>
      </c>
      <c r="R20" s="13">
        <v>2274759157.8200002</v>
      </c>
    </row>
    <row r="21" spans="1:18" x14ac:dyDescent="0.25">
      <c r="C21" s="12"/>
      <c r="D21" s="12"/>
      <c r="E21" s="12"/>
      <c r="F21" s="12"/>
      <c r="G21" s="12"/>
      <c r="H21" s="12"/>
      <c r="I21" s="12"/>
      <c r="J21" s="12"/>
      <c r="K21" s="12"/>
      <c r="L21" s="12"/>
      <c r="M21" s="12"/>
      <c r="N21" s="12"/>
      <c r="O21" s="12"/>
      <c r="P21" s="12"/>
      <c r="Q21" s="12"/>
      <c r="R21" s="12"/>
    </row>
    <row r="22" spans="1:18" x14ac:dyDescent="0.25">
      <c r="A22" s="10" t="s">
        <v>6</v>
      </c>
      <c r="B22" s="10" t="s">
        <v>397</v>
      </c>
      <c r="C22" s="14" t="s">
        <v>398</v>
      </c>
      <c r="D22" s="12"/>
      <c r="E22" s="12"/>
      <c r="F22" s="12"/>
      <c r="G22" s="12"/>
      <c r="H22" s="12"/>
      <c r="I22" s="12"/>
      <c r="J22" s="12"/>
      <c r="K22" s="12"/>
      <c r="L22" s="12"/>
      <c r="M22" s="12"/>
      <c r="N22" s="12"/>
      <c r="O22" s="12"/>
      <c r="P22" s="12"/>
      <c r="Q22" s="12"/>
      <c r="R22" s="12"/>
    </row>
    <row r="23" spans="1:18" x14ac:dyDescent="0.25">
      <c r="A23" s="10" t="s">
        <v>7</v>
      </c>
      <c r="B23" s="10" t="s">
        <v>7</v>
      </c>
      <c r="C23" s="14" t="s">
        <v>7</v>
      </c>
      <c r="D23" s="12"/>
      <c r="E23" s="12"/>
      <c r="F23" s="12"/>
      <c r="G23" s="12"/>
      <c r="H23" s="12"/>
      <c r="I23" s="12"/>
      <c r="J23" s="12"/>
      <c r="K23" s="12"/>
      <c r="L23" s="12"/>
      <c r="M23" s="12"/>
      <c r="N23" s="12"/>
      <c r="O23" s="12"/>
      <c r="P23" s="12"/>
      <c r="Q23" s="12"/>
      <c r="R23" s="12"/>
    </row>
    <row r="24" spans="1:18" x14ac:dyDescent="0.25">
      <c r="A24" s="2" t="s">
        <v>29</v>
      </c>
      <c r="B24" s="4" t="s">
        <v>399</v>
      </c>
      <c r="C24" s="13">
        <v>80.62</v>
      </c>
      <c r="D24" s="12"/>
      <c r="E24" s="12"/>
      <c r="F24" s="12"/>
      <c r="G24" s="12"/>
      <c r="H24" s="12"/>
      <c r="I24" s="12"/>
      <c r="J24" s="12"/>
      <c r="K24" s="12"/>
      <c r="L24" s="12"/>
      <c r="M24" s="12"/>
      <c r="N24" s="12"/>
      <c r="O24" s="12"/>
      <c r="P24" s="12"/>
      <c r="Q24" s="12"/>
      <c r="R24" s="12"/>
    </row>
    <row r="25" spans="1:18" x14ac:dyDescent="0.25">
      <c r="C25" s="12"/>
      <c r="D25" s="12"/>
      <c r="E25" s="12"/>
      <c r="F25" s="12"/>
      <c r="G25" s="12"/>
      <c r="H25" s="12"/>
      <c r="I25" s="12"/>
      <c r="J25" s="12"/>
      <c r="K25" s="12"/>
      <c r="L25" s="12"/>
      <c r="M25" s="12"/>
      <c r="N25" s="12"/>
      <c r="O25" s="12"/>
      <c r="P25" s="12"/>
      <c r="Q25" s="12"/>
      <c r="R25" s="12"/>
    </row>
    <row r="26" spans="1:18" x14ac:dyDescent="0.25">
      <c r="A26" s="10" t="s">
        <v>6</v>
      </c>
      <c r="B26" s="10" t="s">
        <v>400</v>
      </c>
      <c r="C26" s="14" t="s">
        <v>401</v>
      </c>
      <c r="D26" s="14" t="s">
        <v>402</v>
      </c>
      <c r="E26" s="14" t="s">
        <v>403</v>
      </c>
      <c r="F26" s="14" t="s">
        <v>404</v>
      </c>
      <c r="G26" s="12"/>
      <c r="H26" s="12"/>
      <c r="I26" s="12"/>
      <c r="J26" s="12"/>
      <c r="K26" s="12"/>
      <c r="L26" s="12"/>
      <c r="M26" s="12"/>
      <c r="N26" s="12"/>
      <c r="O26" s="12"/>
      <c r="P26" s="12"/>
      <c r="Q26" s="12"/>
      <c r="R26" s="12"/>
    </row>
    <row r="27" spans="1:18" x14ac:dyDescent="0.25">
      <c r="A27" s="10" t="s">
        <v>7</v>
      </c>
      <c r="B27" s="10" t="s">
        <v>7</v>
      </c>
      <c r="C27" s="14" t="s">
        <v>7</v>
      </c>
      <c r="D27" s="14" t="s">
        <v>7</v>
      </c>
      <c r="E27" s="14" t="s">
        <v>7</v>
      </c>
      <c r="F27" s="14" t="s">
        <v>7</v>
      </c>
      <c r="G27" s="12"/>
      <c r="H27" s="12"/>
      <c r="I27" s="12"/>
      <c r="J27" s="12"/>
      <c r="K27" s="12"/>
      <c r="L27" s="12"/>
      <c r="M27" s="12"/>
      <c r="N27" s="12"/>
      <c r="O27" s="12"/>
      <c r="P27" s="12"/>
      <c r="Q27" s="12"/>
      <c r="R27" s="12"/>
    </row>
    <row r="28" spans="1:18" x14ac:dyDescent="0.25">
      <c r="A28" s="2" t="s">
        <v>31</v>
      </c>
      <c r="B28" s="4" t="s">
        <v>405</v>
      </c>
      <c r="C28" s="13">
        <v>95</v>
      </c>
      <c r="D28" s="13">
        <v>0</v>
      </c>
      <c r="E28" s="13">
        <v>0</v>
      </c>
      <c r="F28" s="13">
        <v>0</v>
      </c>
      <c r="G28" s="12"/>
      <c r="H28" s="12"/>
      <c r="I28" s="12"/>
      <c r="J28" s="12"/>
      <c r="K28" s="12"/>
      <c r="L28" s="12"/>
      <c r="M28" s="12"/>
      <c r="N28" s="12"/>
      <c r="O28" s="12"/>
      <c r="P28" s="12"/>
      <c r="Q28" s="12"/>
      <c r="R28" s="12"/>
    </row>
  </sheetData>
  <mergeCells count="25">
    <mergeCell ref="R16:R17"/>
    <mergeCell ref="A22:A23"/>
    <mergeCell ref="B22:B23"/>
    <mergeCell ref="C22:C23"/>
    <mergeCell ref="A26:A27"/>
    <mergeCell ref="B26:B27"/>
    <mergeCell ref="C26:C27"/>
    <mergeCell ref="D26:D27"/>
    <mergeCell ref="E26:E27"/>
    <mergeCell ref="F26:F27"/>
    <mergeCell ref="A16:A17"/>
    <mergeCell ref="B16:B17"/>
    <mergeCell ref="C16:N16"/>
    <mergeCell ref="O16:O17"/>
    <mergeCell ref="P16:Q16"/>
    <mergeCell ref="A9:R9"/>
    <mergeCell ref="A10:A11"/>
    <mergeCell ref="B10:B11"/>
    <mergeCell ref="C10:N10"/>
    <mergeCell ref="O10:O11"/>
    <mergeCell ref="A3:R3"/>
    <mergeCell ref="A4:R4"/>
    <mergeCell ref="A5:R5"/>
    <mergeCell ref="A6:R6"/>
    <mergeCell ref="A7:R7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L229"/>
  <sheetViews>
    <sheetView showGridLines="0" workbookViewId="0"/>
  </sheetViews>
  <sheetFormatPr defaultRowHeight="15" x14ac:dyDescent="0.25"/>
  <cols>
    <col min="2" max="2" width="51.5703125" bestFit="1" customWidth="1"/>
    <col min="3" max="4" width="20.140625" bestFit="1" customWidth="1"/>
    <col min="5" max="5" width="19" bestFit="1" customWidth="1"/>
    <col min="6" max="6" width="20.140625" bestFit="1" customWidth="1"/>
    <col min="7" max="7" width="9.28515625" bestFit="1" customWidth="1"/>
    <col min="8" max="10" width="19" bestFit="1" customWidth="1"/>
    <col min="11" max="11" width="9.28515625" bestFit="1" customWidth="1"/>
    <col min="12" max="12" width="20.140625" bestFit="1" customWidth="1"/>
  </cols>
  <sheetData>
    <row r="3" spans="1:12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</row>
    <row r="4" spans="1:12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</row>
    <row r="5" spans="1:12" x14ac:dyDescent="0.25">
      <c r="A5" s="8" t="s">
        <v>406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</row>
    <row r="6" spans="1:12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</row>
    <row r="7" spans="1:12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</row>
    <row r="9" spans="1:12" x14ac:dyDescent="0.25">
      <c r="A9" s="9" t="s">
        <v>407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</row>
    <row r="10" spans="1:12" x14ac:dyDescent="0.25">
      <c r="A10" s="10" t="s">
        <v>6</v>
      </c>
      <c r="B10" s="10" t="s">
        <v>408</v>
      </c>
      <c r="C10" s="10" t="s">
        <v>409</v>
      </c>
      <c r="D10" s="10" t="s">
        <v>410</v>
      </c>
      <c r="E10" s="10" t="s">
        <v>170</v>
      </c>
      <c r="F10" s="10" t="s">
        <v>7</v>
      </c>
      <c r="G10" s="10" t="s">
        <v>7</v>
      </c>
      <c r="H10" s="10" t="s">
        <v>413</v>
      </c>
      <c r="I10" s="10" t="s">
        <v>174</v>
      </c>
      <c r="J10" s="10" t="s">
        <v>7</v>
      </c>
      <c r="K10" s="10" t="s">
        <v>7</v>
      </c>
      <c r="L10" s="10" t="s">
        <v>416</v>
      </c>
    </row>
    <row r="11" spans="1:12" ht="31.5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" t="s">
        <v>171</v>
      </c>
      <c r="F11" s="1" t="s">
        <v>411</v>
      </c>
      <c r="G11" s="1" t="s">
        <v>412</v>
      </c>
      <c r="H11" s="10" t="s">
        <v>7</v>
      </c>
      <c r="I11" s="1" t="s">
        <v>171</v>
      </c>
      <c r="J11" s="1" t="s">
        <v>414</v>
      </c>
      <c r="K11" s="1" t="s">
        <v>415</v>
      </c>
      <c r="L11" s="10" t="s">
        <v>7</v>
      </c>
    </row>
    <row r="12" spans="1:12" x14ac:dyDescent="0.25">
      <c r="A12" s="3" t="s">
        <v>17</v>
      </c>
      <c r="B12" s="5" t="s">
        <v>417</v>
      </c>
      <c r="C12" s="11">
        <v>16623418000</v>
      </c>
      <c r="D12" s="11">
        <v>19697777793.369999</v>
      </c>
      <c r="E12" s="11">
        <v>3346831496.21</v>
      </c>
      <c r="F12" s="11">
        <v>11944897540.85</v>
      </c>
      <c r="G12" s="11">
        <v>90.52</v>
      </c>
      <c r="H12" s="11">
        <v>7752880252.5200005</v>
      </c>
      <c r="I12" s="11">
        <v>3272723872.5599999</v>
      </c>
      <c r="J12" s="11">
        <v>8512961643.5799999</v>
      </c>
      <c r="K12" s="11">
        <v>88.33</v>
      </c>
      <c r="L12" s="11">
        <v>11184816149.790001</v>
      </c>
    </row>
    <row r="13" spans="1:12" x14ac:dyDescent="0.25">
      <c r="A13" s="3" t="s">
        <v>19</v>
      </c>
      <c r="B13" s="5" t="s">
        <v>418</v>
      </c>
      <c r="C13" s="11">
        <v>572535500</v>
      </c>
      <c r="D13" s="11">
        <v>575335500</v>
      </c>
      <c r="E13" s="11">
        <v>54054720.649999999</v>
      </c>
      <c r="F13" s="11">
        <v>353652598.16000003</v>
      </c>
      <c r="G13" s="11">
        <v>2.68</v>
      </c>
      <c r="H13" s="11">
        <v>221682901.84</v>
      </c>
      <c r="I13" s="11">
        <v>76595830.969999999</v>
      </c>
      <c r="J13" s="11">
        <v>206645816.84999999</v>
      </c>
      <c r="K13" s="11">
        <v>2.15</v>
      </c>
      <c r="L13" s="11">
        <v>368689683.14999998</v>
      </c>
    </row>
    <row r="14" spans="1:12" x14ac:dyDescent="0.25">
      <c r="A14" s="2" t="s">
        <v>21</v>
      </c>
      <c r="B14" s="4" t="s">
        <v>419</v>
      </c>
      <c r="C14" s="13">
        <v>294114000</v>
      </c>
      <c r="D14" s="13">
        <v>296914000</v>
      </c>
      <c r="E14" s="13">
        <v>41062375.740000002</v>
      </c>
      <c r="F14" s="13">
        <v>140167947.16999999</v>
      </c>
      <c r="G14" s="13">
        <v>1.06</v>
      </c>
      <c r="H14" s="13">
        <v>156746052.83000001</v>
      </c>
      <c r="I14" s="13">
        <v>40121761.659999996</v>
      </c>
      <c r="J14" s="13">
        <v>108736606.37</v>
      </c>
      <c r="K14" s="13">
        <v>1.1299999999999999</v>
      </c>
      <c r="L14" s="13">
        <v>188177393.63</v>
      </c>
    </row>
    <row r="15" spans="1:12" x14ac:dyDescent="0.25">
      <c r="A15" s="2" t="s">
        <v>23</v>
      </c>
      <c r="B15" s="4" t="s">
        <v>420</v>
      </c>
      <c r="C15" s="13">
        <v>276621500</v>
      </c>
      <c r="D15" s="13">
        <v>276621500</v>
      </c>
      <c r="E15" s="13">
        <v>12992344.91</v>
      </c>
      <c r="F15" s="13">
        <v>211878761.03</v>
      </c>
      <c r="G15" s="13">
        <v>1.61</v>
      </c>
      <c r="H15" s="13">
        <v>64742738.969999999</v>
      </c>
      <c r="I15" s="13">
        <v>36212751.890000001</v>
      </c>
      <c r="J15" s="13">
        <v>97131821.870000005</v>
      </c>
      <c r="K15" s="13">
        <v>1.01</v>
      </c>
      <c r="L15" s="13">
        <v>179489678.13</v>
      </c>
    </row>
    <row r="16" spans="1:12" x14ac:dyDescent="0.25">
      <c r="A16" s="2" t="s">
        <v>25</v>
      </c>
      <c r="B16" s="4" t="s">
        <v>421</v>
      </c>
      <c r="C16" s="13">
        <v>1800000</v>
      </c>
      <c r="D16" s="13">
        <v>1800000</v>
      </c>
      <c r="E16" s="13">
        <v>0</v>
      </c>
      <c r="F16" s="13">
        <v>1605889.96</v>
      </c>
      <c r="G16" s="13">
        <v>0.01</v>
      </c>
      <c r="H16" s="13">
        <v>194110.04</v>
      </c>
      <c r="I16" s="13">
        <v>261317.42</v>
      </c>
      <c r="J16" s="13">
        <v>777388.61</v>
      </c>
      <c r="K16" s="13">
        <v>0.01</v>
      </c>
      <c r="L16" s="13">
        <v>1022611.39</v>
      </c>
    </row>
    <row r="17" spans="1:12" x14ac:dyDescent="0.25">
      <c r="A17" s="3" t="s">
        <v>27</v>
      </c>
      <c r="B17" s="5" t="s">
        <v>422</v>
      </c>
      <c r="C17" s="11">
        <v>1065908600</v>
      </c>
      <c r="D17" s="11">
        <v>1115231321</v>
      </c>
      <c r="E17" s="11">
        <v>28860234.989999998</v>
      </c>
      <c r="F17" s="11">
        <v>1023764398.04</v>
      </c>
      <c r="G17" s="11">
        <v>7.76</v>
      </c>
      <c r="H17" s="11">
        <v>91466922.959999993</v>
      </c>
      <c r="I17" s="11">
        <v>188206219.27000001</v>
      </c>
      <c r="J17" s="11">
        <v>497350937.97000003</v>
      </c>
      <c r="K17" s="11">
        <v>5.16</v>
      </c>
      <c r="L17" s="11">
        <v>617880383.02999997</v>
      </c>
    </row>
    <row r="18" spans="1:12" x14ac:dyDescent="0.25">
      <c r="A18" s="2" t="s">
        <v>29</v>
      </c>
      <c r="B18" s="4" t="s">
        <v>423</v>
      </c>
      <c r="C18" s="13">
        <v>1017021200</v>
      </c>
      <c r="D18" s="13">
        <v>1052615200</v>
      </c>
      <c r="E18" s="13">
        <v>24606546.690000001</v>
      </c>
      <c r="F18" s="13">
        <v>980284807.83000004</v>
      </c>
      <c r="G18" s="13">
        <v>7.43</v>
      </c>
      <c r="H18" s="13">
        <v>72330392.170000002</v>
      </c>
      <c r="I18" s="13">
        <v>180340039.38</v>
      </c>
      <c r="J18" s="13">
        <v>482558505.39999998</v>
      </c>
      <c r="K18" s="13">
        <v>5.01</v>
      </c>
      <c r="L18" s="13">
        <v>570056694.60000002</v>
      </c>
    </row>
    <row r="19" spans="1:12" x14ac:dyDescent="0.25">
      <c r="A19" s="2" t="s">
        <v>31</v>
      </c>
      <c r="B19" s="4" t="s">
        <v>424</v>
      </c>
      <c r="C19" s="13">
        <v>0</v>
      </c>
      <c r="D19" s="13">
        <v>0</v>
      </c>
      <c r="E19" s="13">
        <v>0</v>
      </c>
      <c r="F19" s="13">
        <v>0</v>
      </c>
      <c r="G19" s="13">
        <v>0</v>
      </c>
      <c r="H19" s="13">
        <v>0</v>
      </c>
      <c r="I19" s="13">
        <v>0</v>
      </c>
      <c r="J19" s="13">
        <v>0</v>
      </c>
      <c r="K19" s="13">
        <v>0</v>
      </c>
      <c r="L19" s="13">
        <v>0</v>
      </c>
    </row>
    <row r="20" spans="1:12" x14ac:dyDescent="0.25">
      <c r="A20" s="2" t="s">
        <v>33</v>
      </c>
      <c r="B20" s="4" t="s">
        <v>425</v>
      </c>
      <c r="C20" s="13">
        <v>40128500</v>
      </c>
      <c r="D20" s="13">
        <v>53857221</v>
      </c>
      <c r="E20" s="13">
        <v>3312789.7</v>
      </c>
      <c r="F20" s="13">
        <v>35897826.18</v>
      </c>
      <c r="G20" s="13">
        <v>0.27</v>
      </c>
      <c r="H20" s="13">
        <v>17959394.82</v>
      </c>
      <c r="I20" s="13">
        <v>6299147.0700000003</v>
      </c>
      <c r="J20" s="13">
        <v>11559205.93</v>
      </c>
      <c r="K20" s="13">
        <v>0.12</v>
      </c>
      <c r="L20" s="13">
        <v>42298015.07</v>
      </c>
    </row>
    <row r="21" spans="1:12" x14ac:dyDescent="0.25">
      <c r="A21" s="2" t="s">
        <v>35</v>
      </c>
      <c r="B21" s="4" t="s">
        <v>426</v>
      </c>
      <c r="C21" s="13">
        <v>3423200</v>
      </c>
      <c r="D21" s="13">
        <v>3423200</v>
      </c>
      <c r="E21" s="13">
        <v>225864.4</v>
      </c>
      <c r="F21" s="13">
        <v>2911768.61</v>
      </c>
      <c r="G21" s="13">
        <v>0.02</v>
      </c>
      <c r="H21" s="13">
        <v>511431.39</v>
      </c>
      <c r="I21" s="13">
        <v>755765.49</v>
      </c>
      <c r="J21" s="13">
        <v>1423391.93</v>
      </c>
      <c r="K21" s="13">
        <v>0.01</v>
      </c>
      <c r="L21" s="13">
        <v>1999808.07</v>
      </c>
    </row>
    <row r="22" spans="1:12" x14ac:dyDescent="0.25">
      <c r="A22" s="2" t="s">
        <v>37</v>
      </c>
      <c r="B22" s="4" t="s">
        <v>427</v>
      </c>
      <c r="C22" s="13">
        <v>4635700</v>
      </c>
      <c r="D22" s="13">
        <v>4635700</v>
      </c>
      <c r="E22" s="13">
        <v>715034.2</v>
      </c>
      <c r="F22" s="13">
        <v>3988428.34</v>
      </c>
      <c r="G22" s="13">
        <v>0.03</v>
      </c>
      <c r="H22" s="13">
        <v>647271.66</v>
      </c>
      <c r="I22" s="13">
        <v>697006.55</v>
      </c>
      <c r="J22" s="13">
        <v>1469931.48</v>
      </c>
      <c r="K22" s="13">
        <v>0.02</v>
      </c>
      <c r="L22" s="13">
        <v>3165768.52</v>
      </c>
    </row>
    <row r="23" spans="1:12" x14ac:dyDescent="0.25">
      <c r="A23" s="2" t="s">
        <v>39</v>
      </c>
      <c r="B23" s="4" t="s">
        <v>421</v>
      </c>
      <c r="C23" s="13">
        <v>700000</v>
      </c>
      <c r="D23" s="13">
        <v>700000</v>
      </c>
      <c r="E23" s="13">
        <v>0</v>
      </c>
      <c r="F23" s="13">
        <v>681567.08</v>
      </c>
      <c r="G23" s="13">
        <v>0.01</v>
      </c>
      <c r="H23" s="13">
        <v>18432.919999999998</v>
      </c>
      <c r="I23" s="13">
        <v>114260.78</v>
      </c>
      <c r="J23" s="13">
        <v>339903.23</v>
      </c>
      <c r="K23" s="13">
        <v>0</v>
      </c>
      <c r="L23" s="13">
        <v>360096.77</v>
      </c>
    </row>
    <row r="24" spans="1:12" x14ac:dyDescent="0.25">
      <c r="A24" s="3" t="s">
        <v>41</v>
      </c>
      <c r="B24" s="5" t="s">
        <v>428</v>
      </c>
      <c r="C24" s="11">
        <v>1153846000</v>
      </c>
      <c r="D24" s="11">
        <v>1182789982</v>
      </c>
      <c r="E24" s="11">
        <v>152654977.38</v>
      </c>
      <c r="F24" s="11">
        <v>582009312.25999999</v>
      </c>
      <c r="G24" s="11">
        <v>4.4000000000000004</v>
      </c>
      <c r="H24" s="11">
        <v>600780669.74000001</v>
      </c>
      <c r="I24" s="11">
        <v>181129319.93000001</v>
      </c>
      <c r="J24" s="11">
        <v>523328103.75</v>
      </c>
      <c r="K24" s="11">
        <v>5.44</v>
      </c>
      <c r="L24" s="11">
        <v>659461878.25</v>
      </c>
    </row>
    <row r="25" spans="1:12" x14ac:dyDescent="0.25">
      <c r="A25" s="2" t="s">
        <v>43</v>
      </c>
      <c r="B25" s="4" t="s">
        <v>429</v>
      </c>
      <c r="C25" s="13">
        <v>534844200</v>
      </c>
      <c r="D25" s="13">
        <v>534854200</v>
      </c>
      <c r="E25" s="13">
        <v>82230418.909999996</v>
      </c>
      <c r="F25" s="13">
        <v>237782489.55000001</v>
      </c>
      <c r="G25" s="13">
        <v>1.8</v>
      </c>
      <c r="H25" s="13">
        <v>297071710.44999999</v>
      </c>
      <c r="I25" s="13">
        <v>79368732.969999999</v>
      </c>
      <c r="J25" s="13">
        <v>216573487.75999999</v>
      </c>
      <c r="K25" s="13">
        <v>2.25</v>
      </c>
      <c r="L25" s="13">
        <v>318280712.24000001</v>
      </c>
    </row>
    <row r="26" spans="1:12" x14ac:dyDescent="0.25">
      <c r="A26" s="2" t="s">
        <v>45</v>
      </c>
      <c r="B26" s="4" t="s">
        <v>430</v>
      </c>
      <c r="C26" s="13">
        <v>121911600</v>
      </c>
      <c r="D26" s="13">
        <v>122264200</v>
      </c>
      <c r="E26" s="13">
        <v>5175248.6500000004</v>
      </c>
      <c r="F26" s="13">
        <v>42316183.770000003</v>
      </c>
      <c r="G26" s="13">
        <v>0.32</v>
      </c>
      <c r="H26" s="13">
        <v>79948016.230000004</v>
      </c>
      <c r="I26" s="13">
        <v>12447845.68</v>
      </c>
      <c r="J26" s="13">
        <v>35265352.869999997</v>
      </c>
      <c r="K26" s="13">
        <v>0.37</v>
      </c>
      <c r="L26" s="13">
        <v>86998847.129999995</v>
      </c>
    </row>
    <row r="27" spans="1:12" x14ac:dyDescent="0.25">
      <c r="A27" s="2" t="s">
        <v>47</v>
      </c>
      <c r="B27" s="4" t="s">
        <v>424</v>
      </c>
      <c r="C27" s="13">
        <v>22834000</v>
      </c>
      <c r="D27" s="13">
        <v>31814000</v>
      </c>
      <c r="E27" s="13">
        <v>2827514.17</v>
      </c>
      <c r="F27" s="13">
        <v>25318081.629999999</v>
      </c>
      <c r="G27" s="13">
        <v>0.19</v>
      </c>
      <c r="H27" s="13">
        <v>6495918.3700000001</v>
      </c>
      <c r="I27" s="13">
        <v>3232874.51</v>
      </c>
      <c r="J27" s="13">
        <v>15393596.1</v>
      </c>
      <c r="K27" s="13">
        <v>0.16</v>
      </c>
      <c r="L27" s="13">
        <v>16420403.9</v>
      </c>
    </row>
    <row r="28" spans="1:12" x14ac:dyDescent="0.25">
      <c r="A28" s="2" t="s">
        <v>49</v>
      </c>
      <c r="B28" s="4" t="s">
        <v>426</v>
      </c>
      <c r="C28" s="13">
        <v>1624000</v>
      </c>
      <c r="D28" s="13">
        <v>17225382</v>
      </c>
      <c r="E28" s="13">
        <v>184854.59</v>
      </c>
      <c r="F28" s="13">
        <v>16302319.640000001</v>
      </c>
      <c r="G28" s="13">
        <v>0.12</v>
      </c>
      <c r="H28" s="13">
        <v>923062.36</v>
      </c>
      <c r="I28" s="13">
        <v>200831.75</v>
      </c>
      <c r="J28" s="13">
        <v>16215459.050000001</v>
      </c>
      <c r="K28" s="13">
        <v>0.17</v>
      </c>
      <c r="L28" s="13">
        <v>1009922.95</v>
      </c>
    </row>
    <row r="29" spans="1:12" x14ac:dyDescent="0.25">
      <c r="A29" s="2" t="s">
        <v>51</v>
      </c>
      <c r="B29" s="4" t="s">
        <v>431</v>
      </c>
      <c r="C29" s="13">
        <v>196048600</v>
      </c>
      <c r="D29" s="13">
        <v>196048600</v>
      </c>
      <c r="E29" s="13">
        <v>5205723.3099999996</v>
      </c>
      <c r="F29" s="13">
        <v>104417959.23999999</v>
      </c>
      <c r="G29" s="13">
        <v>0.79</v>
      </c>
      <c r="H29" s="13">
        <v>91630640.760000005</v>
      </c>
      <c r="I29" s="13">
        <v>28871075.239999998</v>
      </c>
      <c r="J29" s="13">
        <v>84031187.510000005</v>
      </c>
      <c r="K29" s="13">
        <v>0.87</v>
      </c>
      <c r="L29" s="13">
        <v>112017412.48999999</v>
      </c>
    </row>
    <row r="30" spans="1:12" x14ac:dyDescent="0.25">
      <c r="A30" s="2" t="s">
        <v>53</v>
      </c>
      <c r="B30" s="4" t="s">
        <v>421</v>
      </c>
      <c r="C30" s="13">
        <v>276583600</v>
      </c>
      <c r="D30" s="13">
        <v>280583600</v>
      </c>
      <c r="E30" s="13">
        <v>57031217.75</v>
      </c>
      <c r="F30" s="13">
        <v>155872278.43000001</v>
      </c>
      <c r="G30" s="13">
        <v>1.18</v>
      </c>
      <c r="H30" s="13">
        <v>124711321.56999999</v>
      </c>
      <c r="I30" s="13">
        <v>57007959.780000001</v>
      </c>
      <c r="J30" s="13">
        <v>155849020.46000001</v>
      </c>
      <c r="K30" s="13">
        <v>1.62</v>
      </c>
      <c r="L30" s="13">
        <v>124734579.54000001</v>
      </c>
    </row>
    <row r="31" spans="1:12" x14ac:dyDescent="0.25">
      <c r="A31" s="3" t="s">
        <v>55</v>
      </c>
      <c r="B31" s="5" t="s">
        <v>432</v>
      </c>
      <c r="C31" s="11">
        <v>1186298300</v>
      </c>
      <c r="D31" s="11">
        <v>1446214066.53</v>
      </c>
      <c r="E31" s="11">
        <v>227382367.36000001</v>
      </c>
      <c r="F31" s="11">
        <v>655779545.46000004</v>
      </c>
      <c r="G31" s="11">
        <v>4.96</v>
      </c>
      <c r="H31" s="11">
        <v>790434521.07000005</v>
      </c>
      <c r="I31" s="11">
        <v>179265910.94</v>
      </c>
      <c r="J31" s="11">
        <v>475763143.14999998</v>
      </c>
      <c r="K31" s="11">
        <v>4.9400000000000004</v>
      </c>
      <c r="L31" s="11">
        <v>970450923.38</v>
      </c>
    </row>
    <row r="32" spans="1:12" x14ac:dyDescent="0.25">
      <c r="A32" s="2" t="s">
        <v>57</v>
      </c>
      <c r="B32" s="4" t="s">
        <v>424</v>
      </c>
      <c r="C32" s="13">
        <v>1125248000</v>
      </c>
      <c r="D32" s="13">
        <v>1177241240.51</v>
      </c>
      <c r="E32" s="13">
        <v>172624341.31999999</v>
      </c>
      <c r="F32" s="13">
        <v>563950124.29999995</v>
      </c>
      <c r="G32" s="13">
        <v>4.2699999999999996</v>
      </c>
      <c r="H32" s="13">
        <v>613291116.21000004</v>
      </c>
      <c r="I32" s="13">
        <v>133047367.37</v>
      </c>
      <c r="J32" s="13">
        <v>413537893.11000001</v>
      </c>
      <c r="K32" s="13">
        <v>4.29</v>
      </c>
      <c r="L32" s="13">
        <v>763703347.39999998</v>
      </c>
    </row>
    <row r="33" spans="1:12" x14ac:dyDescent="0.25">
      <c r="A33" s="2" t="s">
        <v>59</v>
      </c>
      <c r="B33" s="4" t="s">
        <v>433</v>
      </c>
      <c r="C33" s="13">
        <v>34803300</v>
      </c>
      <c r="D33" s="13">
        <v>221899176</v>
      </c>
      <c r="E33" s="13">
        <v>46992586.740000002</v>
      </c>
      <c r="F33" s="13">
        <v>75466016.290000007</v>
      </c>
      <c r="G33" s="13">
        <v>0.56999999999999995</v>
      </c>
      <c r="H33" s="13">
        <v>146433159.71000001</v>
      </c>
      <c r="I33" s="13">
        <v>40287981.630000003</v>
      </c>
      <c r="J33" s="13">
        <v>48367253.840000004</v>
      </c>
      <c r="K33" s="13">
        <v>0.5</v>
      </c>
      <c r="L33" s="13">
        <v>173531922.16</v>
      </c>
    </row>
    <row r="34" spans="1:12" x14ac:dyDescent="0.25">
      <c r="A34" s="2" t="s">
        <v>61</v>
      </c>
      <c r="B34" s="4" t="s">
        <v>434</v>
      </c>
      <c r="C34" s="13">
        <v>14352200</v>
      </c>
      <c r="D34" s="13">
        <v>16140000.02</v>
      </c>
      <c r="E34" s="13">
        <v>2265718.4300000002</v>
      </c>
      <c r="F34" s="13">
        <v>7646794.25</v>
      </c>
      <c r="G34" s="13">
        <v>0.06</v>
      </c>
      <c r="H34" s="13">
        <v>8493205.7699999996</v>
      </c>
      <c r="I34" s="13">
        <v>2289236.0099999998</v>
      </c>
      <c r="J34" s="13">
        <v>7091590.7999999998</v>
      </c>
      <c r="K34" s="13">
        <v>7.0000000000000007E-2</v>
      </c>
      <c r="L34" s="13">
        <v>9048409.2200000007</v>
      </c>
    </row>
    <row r="35" spans="1:12" x14ac:dyDescent="0.25">
      <c r="A35" s="2" t="s">
        <v>63</v>
      </c>
      <c r="B35" s="4" t="s">
        <v>425</v>
      </c>
      <c r="C35" s="13">
        <v>4100</v>
      </c>
      <c r="D35" s="13">
        <v>1595450</v>
      </c>
      <c r="E35" s="13">
        <v>1502169.73</v>
      </c>
      <c r="F35" s="13">
        <v>1502169.73</v>
      </c>
      <c r="G35" s="13">
        <v>0.01</v>
      </c>
      <c r="H35" s="13">
        <v>93280.27</v>
      </c>
      <c r="I35" s="13">
        <v>1502097.72</v>
      </c>
      <c r="J35" s="13">
        <v>1502097.72</v>
      </c>
      <c r="K35" s="13">
        <v>0.02</v>
      </c>
      <c r="L35" s="13">
        <v>93352.28</v>
      </c>
    </row>
    <row r="36" spans="1:12" x14ac:dyDescent="0.25">
      <c r="A36" s="2" t="s">
        <v>65</v>
      </c>
      <c r="B36" s="4" t="s">
        <v>426</v>
      </c>
      <c r="C36" s="13">
        <v>11841400</v>
      </c>
      <c r="D36" s="13">
        <v>11841400</v>
      </c>
      <c r="E36" s="13">
        <v>86685</v>
      </c>
      <c r="F36" s="13">
        <v>140080.20000000001</v>
      </c>
      <c r="G36" s="13">
        <v>0</v>
      </c>
      <c r="H36" s="13">
        <v>11701319.800000001</v>
      </c>
      <c r="I36" s="13">
        <v>86685</v>
      </c>
      <c r="J36" s="13">
        <v>140080.20000000001</v>
      </c>
      <c r="K36" s="13">
        <v>0</v>
      </c>
      <c r="L36" s="13">
        <v>11701319.800000001</v>
      </c>
    </row>
    <row r="37" spans="1:12" x14ac:dyDescent="0.25">
      <c r="A37" s="2" t="s">
        <v>67</v>
      </c>
      <c r="B37" s="4" t="s">
        <v>435</v>
      </c>
      <c r="C37" s="13">
        <v>2600</v>
      </c>
      <c r="D37" s="13">
        <v>3009600</v>
      </c>
      <c r="E37" s="13">
        <v>1777500</v>
      </c>
      <c r="F37" s="13">
        <v>1777500</v>
      </c>
      <c r="G37" s="13">
        <v>0.01</v>
      </c>
      <c r="H37" s="13">
        <v>1232100</v>
      </c>
      <c r="I37" s="13">
        <v>581824.02</v>
      </c>
      <c r="J37" s="13">
        <v>581824.02</v>
      </c>
      <c r="K37" s="13">
        <v>0.01</v>
      </c>
      <c r="L37" s="13">
        <v>2427775.98</v>
      </c>
    </row>
    <row r="38" spans="1:12" x14ac:dyDescent="0.25">
      <c r="A38" s="2" t="s">
        <v>69</v>
      </c>
      <c r="B38" s="4" t="s">
        <v>436</v>
      </c>
      <c r="C38" s="13">
        <v>4200</v>
      </c>
      <c r="D38" s="13">
        <v>14419700</v>
      </c>
      <c r="E38" s="13">
        <v>2133366.14</v>
      </c>
      <c r="F38" s="13">
        <v>5275804.6900000004</v>
      </c>
      <c r="G38" s="13">
        <v>0.04</v>
      </c>
      <c r="H38" s="13">
        <v>9143895.3100000005</v>
      </c>
      <c r="I38" s="13">
        <v>1470719.19</v>
      </c>
      <c r="J38" s="13">
        <v>4521347.46</v>
      </c>
      <c r="K38" s="13">
        <v>0.05</v>
      </c>
      <c r="L38" s="13">
        <v>9898352.5399999991</v>
      </c>
    </row>
    <row r="39" spans="1:12" x14ac:dyDescent="0.25">
      <c r="A39" s="2" t="s">
        <v>71</v>
      </c>
      <c r="B39" s="4" t="s">
        <v>437</v>
      </c>
      <c r="C39" s="13">
        <v>42500</v>
      </c>
      <c r="D39" s="13">
        <v>67500</v>
      </c>
      <c r="E39" s="13">
        <v>0</v>
      </c>
      <c r="F39" s="13">
        <v>21056</v>
      </c>
      <c r="G39" s="13">
        <v>0</v>
      </c>
      <c r="H39" s="13">
        <v>46444</v>
      </c>
      <c r="I39" s="13">
        <v>0</v>
      </c>
      <c r="J39" s="13">
        <v>21056</v>
      </c>
      <c r="K39" s="13">
        <v>0</v>
      </c>
      <c r="L39" s="13">
        <v>46444</v>
      </c>
    </row>
    <row r="40" spans="1:12" x14ac:dyDescent="0.25">
      <c r="A40" s="3" t="s">
        <v>73</v>
      </c>
      <c r="B40" s="5" t="s">
        <v>438</v>
      </c>
      <c r="C40" s="11">
        <v>1734246700</v>
      </c>
      <c r="D40" s="11">
        <v>1872292178.78</v>
      </c>
      <c r="E40" s="11">
        <v>363333240.70999998</v>
      </c>
      <c r="F40" s="11">
        <v>1013207193.2</v>
      </c>
      <c r="G40" s="11">
        <v>7.68</v>
      </c>
      <c r="H40" s="11">
        <v>859084985.58000004</v>
      </c>
      <c r="I40" s="11">
        <v>314594718.52999997</v>
      </c>
      <c r="J40" s="11">
        <v>797744211.47000003</v>
      </c>
      <c r="K40" s="11">
        <v>8.2799999999999994</v>
      </c>
      <c r="L40" s="11">
        <v>1074547967.3099999</v>
      </c>
    </row>
    <row r="41" spans="1:12" x14ac:dyDescent="0.25">
      <c r="A41" s="2" t="s">
        <v>75</v>
      </c>
      <c r="B41" s="4" t="s">
        <v>424</v>
      </c>
      <c r="C41" s="13">
        <v>1462614000</v>
      </c>
      <c r="D41" s="13">
        <v>1339977437</v>
      </c>
      <c r="E41" s="13">
        <v>237622850.37</v>
      </c>
      <c r="F41" s="13">
        <v>761581413.38999999</v>
      </c>
      <c r="G41" s="13">
        <v>5.77</v>
      </c>
      <c r="H41" s="13">
        <v>578396023.61000001</v>
      </c>
      <c r="I41" s="13">
        <v>256517706.83000001</v>
      </c>
      <c r="J41" s="13">
        <v>695567902.28999996</v>
      </c>
      <c r="K41" s="13">
        <v>7.22</v>
      </c>
      <c r="L41" s="13">
        <v>644409534.71000004</v>
      </c>
    </row>
    <row r="42" spans="1:12" x14ac:dyDescent="0.25">
      <c r="A42" s="2" t="s">
        <v>77</v>
      </c>
      <c r="B42" s="4" t="s">
        <v>439</v>
      </c>
      <c r="C42" s="13">
        <v>270710200</v>
      </c>
      <c r="D42" s="13">
        <v>491470106.77999997</v>
      </c>
      <c r="E42" s="13">
        <v>108579946.84</v>
      </c>
      <c r="F42" s="13">
        <v>234495336.31</v>
      </c>
      <c r="G42" s="13">
        <v>1.78</v>
      </c>
      <c r="H42" s="13">
        <v>256974770.47</v>
      </c>
      <c r="I42" s="13">
        <v>40962863.25</v>
      </c>
      <c r="J42" s="13">
        <v>85062160.730000004</v>
      </c>
      <c r="K42" s="13">
        <v>0.88</v>
      </c>
      <c r="L42" s="13">
        <v>406407946.05000001</v>
      </c>
    </row>
    <row r="43" spans="1:12" x14ac:dyDescent="0.25">
      <c r="A43" s="2" t="s">
        <v>79</v>
      </c>
      <c r="B43" s="4" t="s">
        <v>440</v>
      </c>
      <c r="C43" s="13">
        <v>571500</v>
      </c>
      <c r="D43" s="13">
        <v>571500</v>
      </c>
      <c r="E43" s="13">
        <v>0</v>
      </c>
      <c r="F43" s="13">
        <v>0</v>
      </c>
      <c r="G43" s="13">
        <v>0</v>
      </c>
      <c r="H43" s="13">
        <v>571500</v>
      </c>
      <c r="I43" s="13">
        <v>0</v>
      </c>
      <c r="J43" s="13">
        <v>0</v>
      </c>
      <c r="K43" s="13">
        <v>0</v>
      </c>
      <c r="L43" s="13">
        <v>571500</v>
      </c>
    </row>
    <row r="44" spans="1:12" x14ac:dyDescent="0.25">
      <c r="A44" s="2" t="s">
        <v>81</v>
      </c>
      <c r="B44" s="4" t="s">
        <v>441</v>
      </c>
      <c r="C44" s="13">
        <v>1000</v>
      </c>
      <c r="D44" s="13">
        <v>0</v>
      </c>
      <c r="E44" s="13">
        <v>0</v>
      </c>
      <c r="F44" s="13">
        <v>0</v>
      </c>
      <c r="G44" s="13">
        <v>0</v>
      </c>
      <c r="H44" s="13">
        <v>0</v>
      </c>
      <c r="I44" s="13">
        <v>0</v>
      </c>
      <c r="J44" s="13">
        <v>0</v>
      </c>
      <c r="K44" s="13">
        <v>0</v>
      </c>
      <c r="L44" s="13">
        <v>0</v>
      </c>
    </row>
    <row r="45" spans="1:12" x14ac:dyDescent="0.25">
      <c r="A45" s="2" t="s">
        <v>83</v>
      </c>
      <c r="B45" s="4" t="s">
        <v>442</v>
      </c>
      <c r="C45" s="13">
        <v>350000</v>
      </c>
      <c r="D45" s="13">
        <v>40273135</v>
      </c>
      <c r="E45" s="13">
        <v>17130443.5</v>
      </c>
      <c r="F45" s="13">
        <v>17130443.5</v>
      </c>
      <c r="G45" s="13">
        <v>0.13</v>
      </c>
      <c r="H45" s="13">
        <v>23142691.5</v>
      </c>
      <c r="I45" s="13">
        <v>17114148.449999999</v>
      </c>
      <c r="J45" s="13">
        <v>17114148.449999999</v>
      </c>
      <c r="K45" s="13">
        <v>0.18</v>
      </c>
      <c r="L45" s="13">
        <v>23158986.550000001</v>
      </c>
    </row>
    <row r="46" spans="1:12" x14ac:dyDescent="0.25">
      <c r="A46" s="3" t="s">
        <v>85</v>
      </c>
      <c r="B46" s="5" t="s">
        <v>443</v>
      </c>
      <c r="C46" s="11">
        <v>264415400</v>
      </c>
      <c r="D46" s="11">
        <v>382151150</v>
      </c>
      <c r="E46" s="11">
        <v>67754319.159999996</v>
      </c>
      <c r="F46" s="11">
        <v>183142492.78</v>
      </c>
      <c r="G46" s="11">
        <v>1.38</v>
      </c>
      <c r="H46" s="11">
        <v>199008657.22</v>
      </c>
      <c r="I46" s="11">
        <v>68712466.810000002</v>
      </c>
      <c r="J46" s="11">
        <v>173240522.02000001</v>
      </c>
      <c r="K46" s="11">
        <v>1.79</v>
      </c>
      <c r="L46" s="11">
        <v>208910627.97999999</v>
      </c>
    </row>
    <row r="47" spans="1:12" x14ac:dyDescent="0.25">
      <c r="A47" s="2" t="s">
        <v>87</v>
      </c>
      <c r="B47" s="4" t="s">
        <v>424</v>
      </c>
      <c r="C47" s="13">
        <v>58670700</v>
      </c>
      <c r="D47" s="13">
        <v>59541880</v>
      </c>
      <c r="E47" s="13">
        <v>9606584.8300000001</v>
      </c>
      <c r="F47" s="13">
        <v>29250738.07</v>
      </c>
      <c r="G47" s="13">
        <v>0.22</v>
      </c>
      <c r="H47" s="13">
        <v>30291141.93</v>
      </c>
      <c r="I47" s="13">
        <v>7769804.5599999996</v>
      </c>
      <c r="J47" s="13">
        <v>24061098.420000002</v>
      </c>
      <c r="K47" s="13">
        <v>0.25</v>
      </c>
      <c r="L47" s="13">
        <v>35480781.579999998</v>
      </c>
    </row>
    <row r="48" spans="1:12" x14ac:dyDescent="0.25">
      <c r="A48" s="2" t="s">
        <v>89</v>
      </c>
      <c r="B48" s="4" t="s">
        <v>444</v>
      </c>
      <c r="C48" s="13">
        <v>6069800</v>
      </c>
      <c r="D48" s="13">
        <v>6069800</v>
      </c>
      <c r="E48" s="13">
        <v>0</v>
      </c>
      <c r="F48" s="13">
        <v>0</v>
      </c>
      <c r="G48" s="13">
        <v>0</v>
      </c>
      <c r="H48" s="13">
        <v>6069800</v>
      </c>
      <c r="I48" s="13">
        <v>0</v>
      </c>
      <c r="J48" s="13">
        <v>0</v>
      </c>
      <c r="K48" s="13">
        <v>0</v>
      </c>
      <c r="L48" s="13">
        <v>6069800</v>
      </c>
    </row>
    <row r="49" spans="1:12" x14ac:dyDescent="0.25">
      <c r="A49" s="2" t="s">
        <v>91</v>
      </c>
      <c r="B49" s="4" t="s">
        <v>445</v>
      </c>
      <c r="C49" s="13">
        <v>5901000</v>
      </c>
      <c r="D49" s="13">
        <v>5900000</v>
      </c>
      <c r="E49" s="13">
        <v>70240.7</v>
      </c>
      <c r="F49" s="13">
        <v>319473.75</v>
      </c>
      <c r="G49" s="13">
        <v>0</v>
      </c>
      <c r="H49" s="13">
        <v>5580526.25</v>
      </c>
      <c r="I49" s="13">
        <v>118973.75</v>
      </c>
      <c r="J49" s="13">
        <v>319473.75</v>
      </c>
      <c r="K49" s="13">
        <v>0</v>
      </c>
      <c r="L49" s="13">
        <v>5580526.25</v>
      </c>
    </row>
    <row r="50" spans="1:12" x14ac:dyDescent="0.25">
      <c r="A50" s="2" t="s">
        <v>93</v>
      </c>
      <c r="B50" s="4" t="s">
        <v>446</v>
      </c>
      <c r="C50" s="13">
        <v>170906500</v>
      </c>
      <c r="D50" s="13">
        <v>287769970</v>
      </c>
      <c r="E50" s="13">
        <v>55890020.439999998</v>
      </c>
      <c r="F50" s="13">
        <v>147023535.41</v>
      </c>
      <c r="G50" s="13">
        <v>1.1100000000000001</v>
      </c>
      <c r="H50" s="13">
        <v>140746434.59</v>
      </c>
      <c r="I50" s="13">
        <v>58249397.880000003</v>
      </c>
      <c r="J50" s="13">
        <v>142708699.81</v>
      </c>
      <c r="K50" s="13">
        <v>1.48</v>
      </c>
      <c r="L50" s="13">
        <v>145061270.19</v>
      </c>
    </row>
    <row r="51" spans="1:12" x14ac:dyDescent="0.25">
      <c r="A51" s="2" t="s">
        <v>95</v>
      </c>
      <c r="B51" s="4" t="s">
        <v>447</v>
      </c>
      <c r="C51" s="13">
        <v>22857600</v>
      </c>
      <c r="D51" s="13">
        <v>22857600</v>
      </c>
      <c r="E51" s="13">
        <v>2187473.19</v>
      </c>
      <c r="F51" s="13">
        <v>6537280.4299999997</v>
      </c>
      <c r="G51" s="13">
        <v>0.05</v>
      </c>
      <c r="H51" s="13">
        <v>16320319.57</v>
      </c>
      <c r="I51" s="13">
        <v>2572372.83</v>
      </c>
      <c r="J51" s="13">
        <v>6145545</v>
      </c>
      <c r="K51" s="13">
        <v>0.06</v>
      </c>
      <c r="L51" s="13">
        <v>16712055</v>
      </c>
    </row>
    <row r="52" spans="1:12" x14ac:dyDescent="0.25">
      <c r="A52" s="2" t="s">
        <v>97</v>
      </c>
      <c r="B52" s="4" t="s">
        <v>431</v>
      </c>
      <c r="C52" s="13">
        <v>100</v>
      </c>
      <c r="D52" s="13">
        <v>100</v>
      </c>
      <c r="E52" s="13">
        <v>0</v>
      </c>
      <c r="F52" s="13">
        <v>0</v>
      </c>
      <c r="G52" s="13">
        <v>0</v>
      </c>
      <c r="H52" s="13">
        <v>100</v>
      </c>
      <c r="I52" s="13">
        <v>0</v>
      </c>
      <c r="J52" s="13">
        <v>0</v>
      </c>
      <c r="K52" s="13">
        <v>0</v>
      </c>
      <c r="L52" s="13">
        <v>100</v>
      </c>
    </row>
    <row r="53" spans="1:12" x14ac:dyDescent="0.25">
      <c r="A53" s="2" t="s">
        <v>99</v>
      </c>
      <c r="B53" s="4" t="s">
        <v>448</v>
      </c>
      <c r="C53" s="13">
        <v>9700</v>
      </c>
      <c r="D53" s="13">
        <v>11800</v>
      </c>
      <c r="E53" s="13">
        <v>0</v>
      </c>
      <c r="F53" s="13">
        <v>11465.12</v>
      </c>
      <c r="G53" s="13">
        <v>0</v>
      </c>
      <c r="H53" s="13">
        <v>334.88</v>
      </c>
      <c r="I53" s="13">
        <v>1917.79</v>
      </c>
      <c r="J53" s="13">
        <v>5705.04</v>
      </c>
      <c r="K53" s="13">
        <v>0</v>
      </c>
      <c r="L53" s="13">
        <v>6094.96</v>
      </c>
    </row>
    <row r="54" spans="1:12" x14ac:dyDescent="0.25">
      <c r="A54" s="3" t="s">
        <v>101</v>
      </c>
      <c r="B54" s="5" t="s">
        <v>449</v>
      </c>
      <c r="C54" s="11">
        <v>3288622500</v>
      </c>
      <c r="D54" s="11">
        <v>3295122500</v>
      </c>
      <c r="E54" s="11">
        <v>668899499.02999997</v>
      </c>
      <c r="F54" s="11">
        <v>2008776869.1199999</v>
      </c>
      <c r="G54" s="11">
        <v>15.22</v>
      </c>
      <c r="H54" s="11">
        <v>1286345630.8800001</v>
      </c>
      <c r="I54" s="11">
        <v>687899996.90999997</v>
      </c>
      <c r="J54" s="11">
        <v>1999117133.3499999</v>
      </c>
      <c r="K54" s="11">
        <v>20.75</v>
      </c>
      <c r="L54" s="11">
        <v>1296005366.6500001</v>
      </c>
    </row>
    <row r="55" spans="1:12" x14ac:dyDescent="0.25">
      <c r="A55" s="2" t="s">
        <v>103</v>
      </c>
      <c r="B55" s="4" t="s">
        <v>436</v>
      </c>
      <c r="C55" s="13">
        <v>3288622500</v>
      </c>
      <c r="D55" s="13">
        <v>3295122500</v>
      </c>
      <c r="E55" s="13">
        <v>668899499.02999997</v>
      </c>
      <c r="F55" s="13">
        <v>2008776869.1199999</v>
      </c>
      <c r="G55" s="13">
        <v>15.22</v>
      </c>
      <c r="H55" s="13">
        <v>1286345630.8800001</v>
      </c>
      <c r="I55" s="13">
        <v>687899996.90999997</v>
      </c>
      <c r="J55" s="13">
        <v>1999117133.3499999</v>
      </c>
      <c r="K55" s="13">
        <v>20.75</v>
      </c>
      <c r="L55" s="13">
        <v>1296005366.6500001</v>
      </c>
    </row>
    <row r="56" spans="1:12" x14ac:dyDescent="0.25">
      <c r="A56" s="3" t="s">
        <v>105</v>
      </c>
      <c r="B56" s="5" t="s">
        <v>450</v>
      </c>
      <c r="C56" s="11">
        <v>1727304600</v>
      </c>
      <c r="D56" s="11">
        <v>1897744595.1099999</v>
      </c>
      <c r="E56" s="11">
        <v>376973698.37</v>
      </c>
      <c r="F56" s="11">
        <v>1204520875.96</v>
      </c>
      <c r="G56" s="11">
        <v>9.14</v>
      </c>
      <c r="H56" s="11">
        <v>693223719.14999998</v>
      </c>
      <c r="I56" s="11">
        <v>369958682.17000002</v>
      </c>
      <c r="J56" s="11">
        <v>871103366.38999999</v>
      </c>
      <c r="K56" s="11">
        <v>9.0299999999999994</v>
      </c>
      <c r="L56" s="11">
        <v>1026641228.72</v>
      </c>
    </row>
    <row r="57" spans="1:12" x14ac:dyDescent="0.25">
      <c r="A57" s="2" t="s">
        <v>107</v>
      </c>
      <c r="B57" s="4" t="s">
        <v>424</v>
      </c>
      <c r="C57" s="13">
        <v>300542200</v>
      </c>
      <c r="D57" s="13">
        <v>426253038.69999999</v>
      </c>
      <c r="E57" s="13">
        <v>71716929.760000005</v>
      </c>
      <c r="F57" s="13">
        <v>350773614.72000003</v>
      </c>
      <c r="G57" s="13">
        <v>2.66</v>
      </c>
      <c r="H57" s="13">
        <v>75479423.980000004</v>
      </c>
      <c r="I57" s="13">
        <v>92818759.719999999</v>
      </c>
      <c r="J57" s="13">
        <v>265187766.34</v>
      </c>
      <c r="K57" s="13">
        <v>2.75</v>
      </c>
      <c r="L57" s="13">
        <v>161065272.36000001</v>
      </c>
    </row>
    <row r="58" spans="1:12" x14ac:dyDescent="0.25">
      <c r="A58" s="2" t="s">
        <v>109</v>
      </c>
      <c r="B58" s="4" t="s">
        <v>426</v>
      </c>
      <c r="C58" s="13">
        <v>7105000</v>
      </c>
      <c r="D58" s="13">
        <v>4215000</v>
      </c>
      <c r="E58" s="13">
        <v>211128.51</v>
      </c>
      <c r="F58" s="13">
        <v>693864.73</v>
      </c>
      <c r="G58" s="13">
        <v>0.01</v>
      </c>
      <c r="H58" s="13">
        <v>3521135.27</v>
      </c>
      <c r="I58" s="13">
        <v>315461.01</v>
      </c>
      <c r="J58" s="13">
        <v>457123.69</v>
      </c>
      <c r="K58" s="13">
        <v>0</v>
      </c>
      <c r="L58" s="13">
        <v>3757876.31</v>
      </c>
    </row>
    <row r="59" spans="1:12" x14ac:dyDescent="0.25">
      <c r="A59" s="2" t="s">
        <v>111</v>
      </c>
      <c r="B59" s="4" t="s">
        <v>451</v>
      </c>
      <c r="C59" s="13">
        <v>69740000</v>
      </c>
      <c r="D59" s="13">
        <v>60210500</v>
      </c>
      <c r="E59" s="13">
        <v>9911047.5999999996</v>
      </c>
      <c r="F59" s="13">
        <v>34094128.25</v>
      </c>
      <c r="G59" s="13">
        <v>0.26</v>
      </c>
      <c r="H59" s="13">
        <v>26116371.75</v>
      </c>
      <c r="I59" s="13">
        <v>12582880.609999999</v>
      </c>
      <c r="J59" s="13">
        <v>24790104.620000001</v>
      </c>
      <c r="K59" s="13">
        <v>0.26</v>
      </c>
      <c r="L59" s="13">
        <v>35420395.380000003</v>
      </c>
    </row>
    <row r="60" spans="1:12" x14ac:dyDescent="0.25">
      <c r="A60" s="2" t="s">
        <v>113</v>
      </c>
      <c r="B60" s="4" t="s">
        <v>452</v>
      </c>
      <c r="C60" s="13">
        <v>1181293100</v>
      </c>
      <c r="D60" s="13">
        <v>1174449267.52</v>
      </c>
      <c r="E60" s="13">
        <v>248400342.84999999</v>
      </c>
      <c r="F60" s="13">
        <v>700149607.61000001</v>
      </c>
      <c r="G60" s="13">
        <v>5.31</v>
      </c>
      <c r="H60" s="13">
        <v>474299659.91000003</v>
      </c>
      <c r="I60" s="13">
        <v>219187729.55000001</v>
      </c>
      <c r="J60" s="13">
        <v>495435666.26999998</v>
      </c>
      <c r="K60" s="13">
        <v>5.14</v>
      </c>
      <c r="L60" s="13">
        <v>679013601.25</v>
      </c>
    </row>
    <row r="61" spans="1:12" x14ac:dyDescent="0.25">
      <c r="A61" s="2" t="s">
        <v>115</v>
      </c>
      <c r="B61" s="4" t="s">
        <v>453</v>
      </c>
      <c r="C61" s="13">
        <v>82254000</v>
      </c>
      <c r="D61" s="13">
        <v>115683280.89</v>
      </c>
      <c r="E61" s="13">
        <v>21450958.350000001</v>
      </c>
      <c r="F61" s="13">
        <v>44930550.240000002</v>
      </c>
      <c r="G61" s="13">
        <v>0.34</v>
      </c>
      <c r="H61" s="13">
        <v>70752730.650000006</v>
      </c>
      <c r="I61" s="13">
        <v>20167508.530000001</v>
      </c>
      <c r="J61" s="13">
        <v>28014766.809999999</v>
      </c>
      <c r="K61" s="13">
        <v>0.28999999999999998</v>
      </c>
      <c r="L61" s="13">
        <v>87668514.079999998</v>
      </c>
    </row>
    <row r="62" spans="1:12" x14ac:dyDescent="0.25">
      <c r="A62" s="2" t="s">
        <v>117</v>
      </c>
      <c r="B62" s="4" t="s">
        <v>454</v>
      </c>
      <c r="C62" s="13">
        <v>4114000</v>
      </c>
      <c r="D62" s="13">
        <v>4114000</v>
      </c>
      <c r="E62" s="13">
        <v>26388</v>
      </c>
      <c r="F62" s="13">
        <v>1203506.45</v>
      </c>
      <c r="G62" s="13">
        <v>0.01</v>
      </c>
      <c r="H62" s="13">
        <v>2910493.55</v>
      </c>
      <c r="I62" s="13">
        <v>485298.7</v>
      </c>
      <c r="J62" s="13">
        <v>607979.6</v>
      </c>
      <c r="K62" s="13">
        <v>0.01</v>
      </c>
      <c r="L62" s="13">
        <v>3506020.4</v>
      </c>
    </row>
    <row r="63" spans="1:12" x14ac:dyDescent="0.25">
      <c r="A63" s="2" t="s">
        <v>119</v>
      </c>
      <c r="B63" s="4" t="s">
        <v>455</v>
      </c>
      <c r="C63" s="13">
        <v>38063600</v>
      </c>
      <c r="D63" s="13">
        <v>68646808</v>
      </c>
      <c r="E63" s="13">
        <v>17248338.84</v>
      </c>
      <c r="F63" s="13">
        <v>48587938.799999997</v>
      </c>
      <c r="G63" s="13">
        <v>0.37</v>
      </c>
      <c r="H63" s="13">
        <v>20058869.199999999</v>
      </c>
      <c r="I63" s="13">
        <v>16397790.279999999</v>
      </c>
      <c r="J63" s="13">
        <v>36770164.380000003</v>
      </c>
      <c r="K63" s="13">
        <v>0.38</v>
      </c>
      <c r="L63" s="13">
        <v>31876643.620000001</v>
      </c>
    </row>
    <row r="64" spans="1:12" x14ac:dyDescent="0.25">
      <c r="A64" s="2" t="s">
        <v>120</v>
      </c>
      <c r="B64" s="4" t="s">
        <v>456</v>
      </c>
      <c r="C64" s="13">
        <v>42773000</v>
      </c>
      <c r="D64" s="13">
        <v>42773000</v>
      </c>
      <c r="E64" s="13">
        <v>7865258.5899999999</v>
      </c>
      <c r="F64" s="13">
        <v>23624362.460000001</v>
      </c>
      <c r="G64" s="13">
        <v>0.18</v>
      </c>
      <c r="H64" s="13">
        <v>19148637.539999999</v>
      </c>
      <c r="I64" s="13">
        <v>7858490.5800000001</v>
      </c>
      <c r="J64" s="13">
        <v>19536322.170000002</v>
      </c>
      <c r="K64" s="13">
        <v>0.2</v>
      </c>
      <c r="L64" s="13">
        <v>23236677.829999998</v>
      </c>
    </row>
    <row r="65" spans="1:12" x14ac:dyDescent="0.25">
      <c r="A65" s="2" t="s">
        <v>121</v>
      </c>
      <c r="B65" s="4" t="s">
        <v>457</v>
      </c>
      <c r="C65" s="13">
        <v>0</v>
      </c>
      <c r="D65" s="13">
        <v>0</v>
      </c>
      <c r="E65" s="13">
        <v>0</v>
      </c>
      <c r="F65" s="13">
        <v>0</v>
      </c>
      <c r="G65" s="13">
        <v>0</v>
      </c>
      <c r="H65" s="13">
        <v>0</v>
      </c>
      <c r="I65" s="13">
        <v>0</v>
      </c>
      <c r="J65" s="13">
        <v>0</v>
      </c>
      <c r="K65" s="13">
        <v>0</v>
      </c>
      <c r="L65" s="13">
        <v>0</v>
      </c>
    </row>
    <row r="66" spans="1:12" x14ac:dyDescent="0.25">
      <c r="A66" s="2" t="s">
        <v>122</v>
      </c>
      <c r="B66" s="4" t="s">
        <v>431</v>
      </c>
      <c r="C66" s="13">
        <v>1031000</v>
      </c>
      <c r="D66" s="13">
        <v>1011000</v>
      </c>
      <c r="E66" s="13">
        <v>75421.39</v>
      </c>
      <c r="F66" s="13">
        <v>261354.35</v>
      </c>
      <c r="G66" s="13">
        <v>0</v>
      </c>
      <c r="H66" s="13">
        <v>749645.65</v>
      </c>
      <c r="I66" s="13">
        <v>76878.710000000006</v>
      </c>
      <c r="J66" s="13">
        <v>101524.16</v>
      </c>
      <c r="K66" s="13">
        <v>0</v>
      </c>
      <c r="L66" s="13">
        <v>909475.83999999997</v>
      </c>
    </row>
    <row r="67" spans="1:12" x14ac:dyDescent="0.25">
      <c r="A67" s="2" t="s">
        <v>123</v>
      </c>
      <c r="B67" s="4" t="s">
        <v>448</v>
      </c>
      <c r="C67" s="13">
        <v>388700</v>
      </c>
      <c r="D67" s="13">
        <v>388700</v>
      </c>
      <c r="E67" s="13">
        <v>67884.479999999996</v>
      </c>
      <c r="F67" s="13">
        <v>201948.35</v>
      </c>
      <c r="G67" s="13">
        <v>0</v>
      </c>
      <c r="H67" s="13">
        <v>186751.65</v>
      </c>
      <c r="I67" s="13">
        <v>67884.479999999996</v>
      </c>
      <c r="J67" s="13">
        <v>201948.35</v>
      </c>
      <c r="K67" s="13">
        <v>0</v>
      </c>
      <c r="L67" s="13">
        <v>186751.65</v>
      </c>
    </row>
    <row r="68" spans="1:12" x14ac:dyDescent="0.25">
      <c r="A68" s="3" t="s">
        <v>124</v>
      </c>
      <c r="B68" s="5" t="s">
        <v>458</v>
      </c>
      <c r="C68" s="11">
        <v>49601300</v>
      </c>
      <c r="D68" s="11">
        <v>60621148</v>
      </c>
      <c r="E68" s="11">
        <v>10400564.26</v>
      </c>
      <c r="F68" s="11">
        <v>17354854.780000001</v>
      </c>
      <c r="G68" s="11">
        <v>0.13</v>
      </c>
      <c r="H68" s="11">
        <v>43266293.219999999</v>
      </c>
      <c r="I68" s="11">
        <v>2520340.86</v>
      </c>
      <c r="J68" s="11">
        <v>6849920.4400000004</v>
      </c>
      <c r="K68" s="11">
        <v>7.0000000000000007E-2</v>
      </c>
      <c r="L68" s="11">
        <v>53771227.560000002</v>
      </c>
    </row>
    <row r="69" spans="1:12" x14ac:dyDescent="0.25">
      <c r="A69" s="2" t="s">
        <v>125</v>
      </c>
      <c r="B69" s="4" t="s">
        <v>424</v>
      </c>
      <c r="C69" s="13">
        <v>15163900</v>
      </c>
      <c r="D69" s="13">
        <v>15668279</v>
      </c>
      <c r="E69" s="13">
        <v>2554145.73</v>
      </c>
      <c r="F69" s="13">
        <v>8405474.4100000001</v>
      </c>
      <c r="G69" s="13">
        <v>0.06</v>
      </c>
      <c r="H69" s="13">
        <v>7262804.5899999999</v>
      </c>
      <c r="I69" s="13">
        <v>2348573.84</v>
      </c>
      <c r="J69" s="13">
        <v>6330629.4100000001</v>
      </c>
      <c r="K69" s="13">
        <v>7.0000000000000007E-2</v>
      </c>
      <c r="L69" s="13">
        <v>9337649.5899999999</v>
      </c>
    </row>
    <row r="70" spans="1:12" x14ac:dyDescent="0.25">
      <c r="A70" s="2" t="s">
        <v>127</v>
      </c>
      <c r="B70" s="4" t="s">
        <v>459</v>
      </c>
      <c r="C70" s="13">
        <v>30000000</v>
      </c>
      <c r="D70" s="13">
        <v>30000000</v>
      </c>
      <c r="E70" s="13">
        <v>1332944.46</v>
      </c>
      <c r="F70" s="13">
        <v>2001166.67</v>
      </c>
      <c r="G70" s="13">
        <v>0.02</v>
      </c>
      <c r="H70" s="13">
        <v>27998833.329999998</v>
      </c>
      <c r="I70" s="13">
        <v>13326.31</v>
      </c>
      <c r="J70" s="13">
        <v>13326.31</v>
      </c>
      <c r="K70" s="13">
        <v>0</v>
      </c>
      <c r="L70" s="13">
        <v>29986673.690000001</v>
      </c>
    </row>
    <row r="71" spans="1:12" x14ac:dyDescent="0.25">
      <c r="A71" s="2" t="s">
        <v>129</v>
      </c>
      <c r="B71" s="4" t="s">
        <v>460</v>
      </c>
      <c r="C71" s="13">
        <v>4384000</v>
      </c>
      <c r="D71" s="13">
        <v>14868848</v>
      </c>
      <c r="E71" s="13">
        <v>6502921.8200000003</v>
      </c>
      <c r="F71" s="13">
        <v>6916822.8499999996</v>
      </c>
      <c r="G71" s="13">
        <v>0.05</v>
      </c>
      <c r="H71" s="13">
        <v>7952025.1500000004</v>
      </c>
      <c r="I71" s="13">
        <v>147888.46</v>
      </c>
      <c r="J71" s="13">
        <v>474573.87</v>
      </c>
      <c r="K71" s="13">
        <v>0</v>
      </c>
      <c r="L71" s="13">
        <v>14394274.130000001</v>
      </c>
    </row>
    <row r="72" spans="1:12" x14ac:dyDescent="0.25">
      <c r="A72" s="2" t="s">
        <v>131</v>
      </c>
      <c r="B72" s="4" t="s">
        <v>448</v>
      </c>
      <c r="C72" s="13">
        <v>53400</v>
      </c>
      <c r="D72" s="13">
        <v>84021</v>
      </c>
      <c r="E72" s="13">
        <v>10552.25</v>
      </c>
      <c r="F72" s="13">
        <v>31390.85</v>
      </c>
      <c r="G72" s="13">
        <v>0</v>
      </c>
      <c r="H72" s="13">
        <v>52630.15</v>
      </c>
      <c r="I72" s="13">
        <v>10552.25</v>
      </c>
      <c r="J72" s="13">
        <v>31390.85</v>
      </c>
      <c r="K72" s="13">
        <v>0</v>
      </c>
      <c r="L72" s="13">
        <v>52630.15</v>
      </c>
    </row>
    <row r="73" spans="1:12" x14ac:dyDescent="0.25">
      <c r="A73" s="3" t="s">
        <v>133</v>
      </c>
      <c r="B73" s="5" t="s">
        <v>461</v>
      </c>
      <c r="C73" s="11">
        <v>2007985000</v>
      </c>
      <c r="D73" s="11">
        <v>2693137195.1599998</v>
      </c>
      <c r="E73" s="11">
        <v>487302826.85000002</v>
      </c>
      <c r="F73" s="11">
        <v>1289749255.28</v>
      </c>
      <c r="G73" s="11">
        <v>9.77</v>
      </c>
      <c r="H73" s="11">
        <v>1403387939.8800001</v>
      </c>
      <c r="I73" s="11">
        <v>383674740.24000001</v>
      </c>
      <c r="J73" s="11">
        <v>1012455929.78</v>
      </c>
      <c r="K73" s="11">
        <v>10.5</v>
      </c>
      <c r="L73" s="11">
        <v>1680681265.3800001</v>
      </c>
    </row>
    <row r="74" spans="1:12" x14ac:dyDescent="0.25">
      <c r="A74" s="2" t="s">
        <v>135</v>
      </c>
      <c r="B74" s="4" t="s">
        <v>424</v>
      </c>
      <c r="C74" s="13">
        <v>1579371000</v>
      </c>
      <c r="D74" s="13">
        <v>175828340.19</v>
      </c>
      <c r="E74" s="13">
        <v>13136956.699999999</v>
      </c>
      <c r="F74" s="13">
        <v>110718952.23</v>
      </c>
      <c r="G74" s="13">
        <v>0.84</v>
      </c>
      <c r="H74" s="13">
        <v>65109387.960000001</v>
      </c>
      <c r="I74" s="13">
        <v>17834481.82</v>
      </c>
      <c r="J74" s="13">
        <v>92275071.859999999</v>
      </c>
      <c r="K74" s="13">
        <v>0.96</v>
      </c>
      <c r="L74" s="13">
        <v>83553268.329999998</v>
      </c>
    </row>
    <row r="75" spans="1:12" x14ac:dyDescent="0.25">
      <c r="A75" s="2" t="s">
        <v>137</v>
      </c>
      <c r="B75" s="4" t="s">
        <v>462</v>
      </c>
      <c r="C75" s="13">
        <v>22465400</v>
      </c>
      <c r="D75" s="13">
        <v>584762763.92999995</v>
      </c>
      <c r="E75" s="13">
        <v>192189136.24000001</v>
      </c>
      <c r="F75" s="13">
        <v>382790763.93000001</v>
      </c>
      <c r="G75" s="13">
        <v>2.9</v>
      </c>
      <c r="H75" s="13">
        <v>201972000</v>
      </c>
      <c r="I75" s="13">
        <v>136475326.27000001</v>
      </c>
      <c r="J75" s="13">
        <v>290942359.25</v>
      </c>
      <c r="K75" s="13">
        <v>3.02</v>
      </c>
      <c r="L75" s="13">
        <v>293820404.68000001</v>
      </c>
    </row>
    <row r="76" spans="1:12" x14ac:dyDescent="0.25">
      <c r="A76" s="2" t="s">
        <v>139</v>
      </c>
      <c r="B76" s="4" t="s">
        <v>463</v>
      </c>
      <c r="C76" s="13">
        <v>10004300</v>
      </c>
      <c r="D76" s="13">
        <v>1784286988.5999999</v>
      </c>
      <c r="E76" s="13">
        <v>245932909.86000001</v>
      </c>
      <c r="F76" s="13">
        <v>741296886.57000005</v>
      </c>
      <c r="G76" s="13">
        <v>5.62</v>
      </c>
      <c r="H76" s="13">
        <v>1042990102.03</v>
      </c>
      <c r="I76" s="13">
        <v>199957388.86000001</v>
      </c>
      <c r="J76" s="13">
        <v>592268111.28999996</v>
      </c>
      <c r="K76" s="13">
        <v>6.15</v>
      </c>
      <c r="L76" s="13">
        <v>1192018877.3099999</v>
      </c>
    </row>
    <row r="77" spans="1:12" x14ac:dyDescent="0.25">
      <c r="A77" s="2" t="s">
        <v>141</v>
      </c>
      <c r="B77" s="4" t="s">
        <v>464</v>
      </c>
      <c r="C77" s="13">
        <v>25975600</v>
      </c>
      <c r="D77" s="13">
        <v>25944813.190000001</v>
      </c>
      <c r="E77" s="13">
        <v>4065885.23</v>
      </c>
      <c r="F77" s="13">
        <v>6450068.7199999997</v>
      </c>
      <c r="G77" s="13">
        <v>0.05</v>
      </c>
      <c r="H77" s="13">
        <v>19494744.469999999</v>
      </c>
      <c r="I77" s="13">
        <v>3128990.83</v>
      </c>
      <c r="J77" s="13">
        <v>4325818.49</v>
      </c>
      <c r="K77" s="13">
        <v>0.04</v>
      </c>
      <c r="L77" s="13">
        <v>21618994.699999999</v>
      </c>
    </row>
    <row r="78" spans="1:12" x14ac:dyDescent="0.25">
      <c r="A78" s="2" t="s">
        <v>143</v>
      </c>
      <c r="B78" s="4" t="s">
        <v>447</v>
      </c>
      <c r="C78" s="13">
        <v>32742400</v>
      </c>
      <c r="D78" s="13">
        <v>74816600</v>
      </c>
      <c r="E78" s="13">
        <v>29014177.949999999</v>
      </c>
      <c r="F78" s="13">
        <v>32963780.859999999</v>
      </c>
      <c r="G78" s="13">
        <v>0.25</v>
      </c>
      <c r="H78" s="13">
        <v>41852819.140000001</v>
      </c>
      <c r="I78" s="13">
        <v>22460397.57</v>
      </c>
      <c r="J78" s="13">
        <v>24501457.109999999</v>
      </c>
      <c r="K78" s="13">
        <v>0.25</v>
      </c>
      <c r="L78" s="13">
        <v>50315142.890000001</v>
      </c>
    </row>
    <row r="79" spans="1:12" x14ac:dyDescent="0.25">
      <c r="A79" s="2" t="s">
        <v>145</v>
      </c>
      <c r="B79" s="4" t="s">
        <v>465</v>
      </c>
      <c r="C79" s="13">
        <v>4287000</v>
      </c>
      <c r="D79" s="13">
        <v>0</v>
      </c>
      <c r="E79" s="13">
        <v>0</v>
      </c>
      <c r="F79" s="13">
        <v>0</v>
      </c>
      <c r="G79" s="13">
        <v>0</v>
      </c>
      <c r="H79" s="13">
        <v>0</v>
      </c>
      <c r="I79" s="13">
        <v>0</v>
      </c>
      <c r="J79" s="13">
        <v>0</v>
      </c>
      <c r="K79" s="13">
        <v>0</v>
      </c>
      <c r="L79" s="13">
        <v>0</v>
      </c>
    </row>
    <row r="80" spans="1:12" x14ac:dyDescent="0.25">
      <c r="A80" s="2" t="s">
        <v>147</v>
      </c>
      <c r="B80" s="4" t="s">
        <v>466</v>
      </c>
      <c r="C80" s="13">
        <v>13085400</v>
      </c>
      <c r="D80" s="13">
        <v>0</v>
      </c>
      <c r="E80" s="13">
        <v>0</v>
      </c>
      <c r="F80" s="13">
        <v>0</v>
      </c>
      <c r="G80" s="13">
        <v>0</v>
      </c>
      <c r="H80" s="13">
        <v>0</v>
      </c>
      <c r="I80" s="13">
        <v>0</v>
      </c>
      <c r="J80" s="13">
        <v>0</v>
      </c>
      <c r="K80" s="13">
        <v>0</v>
      </c>
      <c r="L80" s="13">
        <v>0</v>
      </c>
    </row>
    <row r="81" spans="1:12" x14ac:dyDescent="0.25">
      <c r="A81" s="2" t="s">
        <v>149</v>
      </c>
      <c r="B81" s="4" t="s">
        <v>467</v>
      </c>
      <c r="C81" s="13">
        <v>303784200</v>
      </c>
      <c r="D81" s="13">
        <v>30181089.25</v>
      </c>
      <c r="E81" s="13">
        <v>229741.14</v>
      </c>
      <c r="F81" s="13">
        <v>3245835.09</v>
      </c>
      <c r="G81" s="13">
        <v>0.02</v>
      </c>
      <c r="H81" s="13">
        <v>26935254.16</v>
      </c>
      <c r="I81" s="13">
        <v>1144843.76</v>
      </c>
      <c r="J81" s="13">
        <v>1740188</v>
      </c>
      <c r="K81" s="13">
        <v>0.02</v>
      </c>
      <c r="L81" s="13">
        <v>28440901.25</v>
      </c>
    </row>
    <row r="82" spans="1:12" x14ac:dyDescent="0.25">
      <c r="A82" s="2" t="s">
        <v>151</v>
      </c>
      <c r="B82" s="4" t="s">
        <v>468</v>
      </c>
      <c r="C82" s="13">
        <v>7189700</v>
      </c>
      <c r="D82" s="13">
        <v>9616600</v>
      </c>
      <c r="E82" s="13">
        <v>2734019.73</v>
      </c>
      <c r="F82" s="13">
        <v>4582967.88</v>
      </c>
      <c r="G82" s="13">
        <v>0.03</v>
      </c>
      <c r="H82" s="13">
        <v>5033632.12</v>
      </c>
      <c r="I82" s="13">
        <v>1308637.3400000001</v>
      </c>
      <c r="J82" s="13">
        <v>2399351.75</v>
      </c>
      <c r="K82" s="13">
        <v>0.02</v>
      </c>
      <c r="L82" s="13">
        <v>7217248.25</v>
      </c>
    </row>
    <row r="83" spans="1:12" x14ac:dyDescent="0.25">
      <c r="A83" s="2" t="s">
        <v>153</v>
      </c>
      <c r="B83" s="4" t="s">
        <v>448</v>
      </c>
      <c r="C83" s="13">
        <v>9080000</v>
      </c>
      <c r="D83" s="13">
        <v>7700000</v>
      </c>
      <c r="E83" s="13">
        <v>0</v>
      </c>
      <c r="F83" s="13">
        <v>7700000</v>
      </c>
      <c r="G83" s="13">
        <v>0.06</v>
      </c>
      <c r="H83" s="13">
        <v>0</v>
      </c>
      <c r="I83" s="13">
        <v>1364673.79</v>
      </c>
      <c r="J83" s="13">
        <v>4003572.03</v>
      </c>
      <c r="K83" s="13">
        <v>0.04</v>
      </c>
      <c r="L83" s="13">
        <v>3696427.97</v>
      </c>
    </row>
    <row r="84" spans="1:12" x14ac:dyDescent="0.25">
      <c r="A84" s="3" t="s">
        <v>154</v>
      </c>
      <c r="B84" s="5" t="s">
        <v>469</v>
      </c>
      <c r="C84" s="11">
        <v>36029300</v>
      </c>
      <c r="D84" s="11">
        <v>86193514</v>
      </c>
      <c r="E84" s="11">
        <v>26514302.579999998</v>
      </c>
      <c r="F84" s="11">
        <v>56994241.780000001</v>
      </c>
      <c r="G84" s="11">
        <v>0.43</v>
      </c>
      <c r="H84" s="11">
        <v>29199272.219999999</v>
      </c>
      <c r="I84" s="11">
        <v>29348400.32</v>
      </c>
      <c r="J84" s="11">
        <v>40868284.479999997</v>
      </c>
      <c r="K84" s="11">
        <v>0.42</v>
      </c>
      <c r="L84" s="11">
        <v>45325229.520000003</v>
      </c>
    </row>
    <row r="85" spans="1:12" x14ac:dyDescent="0.25">
      <c r="A85" s="2" t="s">
        <v>155</v>
      </c>
      <c r="B85" s="4" t="s">
        <v>424</v>
      </c>
      <c r="C85" s="13">
        <v>9336600</v>
      </c>
      <c r="D85" s="13">
        <v>14628300</v>
      </c>
      <c r="E85" s="13">
        <v>276279.96000000002</v>
      </c>
      <c r="F85" s="13">
        <v>9171858.6699999999</v>
      </c>
      <c r="G85" s="13">
        <v>7.0000000000000007E-2</v>
      </c>
      <c r="H85" s="13">
        <v>5456441.3300000001</v>
      </c>
      <c r="I85" s="13">
        <v>1785427.89</v>
      </c>
      <c r="J85" s="13">
        <v>4943456.38</v>
      </c>
      <c r="K85" s="13">
        <v>0.05</v>
      </c>
      <c r="L85" s="13">
        <v>9684843.6199999992</v>
      </c>
    </row>
    <row r="86" spans="1:12" x14ac:dyDescent="0.25">
      <c r="A86" s="2" t="s">
        <v>157</v>
      </c>
      <c r="B86" s="4" t="s">
        <v>470</v>
      </c>
      <c r="C86" s="13">
        <v>0</v>
      </c>
      <c r="D86" s="13">
        <v>0</v>
      </c>
      <c r="E86" s="13">
        <v>0</v>
      </c>
      <c r="F86" s="13">
        <v>0</v>
      </c>
      <c r="G86" s="13">
        <v>0</v>
      </c>
      <c r="H86" s="13">
        <v>0</v>
      </c>
      <c r="I86" s="13">
        <v>0</v>
      </c>
      <c r="J86" s="13">
        <v>0</v>
      </c>
      <c r="K86" s="13">
        <v>0</v>
      </c>
      <c r="L86" s="13">
        <v>0</v>
      </c>
    </row>
    <row r="87" spans="1:12" x14ac:dyDescent="0.25">
      <c r="A87" s="2" t="s">
        <v>159</v>
      </c>
      <c r="B87" s="4" t="s">
        <v>471</v>
      </c>
      <c r="C87" s="13">
        <v>26692700</v>
      </c>
      <c r="D87" s="13">
        <v>71565214</v>
      </c>
      <c r="E87" s="13">
        <v>26238022.620000001</v>
      </c>
      <c r="F87" s="13">
        <v>47822383.109999999</v>
      </c>
      <c r="G87" s="13">
        <v>0.36</v>
      </c>
      <c r="H87" s="13">
        <v>23742830.890000001</v>
      </c>
      <c r="I87" s="13">
        <v>27562972.43</v>
      </c>
      <c r="J87" s="13">
        <v>35924828.100000001</v>
      </c>
      <c r="K87" s="13">
        <v>0.37</v>
      </c>
      <c r="L87" s="13">
        <v>35640385.899999999</v>
      </c>
    </row>
    <row r="88" spans="1:12" x14ac:dyDescent="0.25">
      <c r="A88" s="3" t="s">
        <v>161</v>
      </c>
      <c r="B88" s="5" t="s">
        <v>472</v>
      </c>
      <c r="C88" s="11">
        <v>357808400</v>
      </c>
      <c r="D88" s="11">
        <v>339038915.63999999</v>
      </c>
      <c r="E88" s="11">
        <v>56064189.759999998</v>
      </c>
      <c r="F88" s="11">
        <v>183955496.77000001</v>
      </c>
      <c r="G88" s="11">
        <v>1.39</v>
      </c>
      <c r="H88" s="11">
        <v>155083418.87</v>
      </c>
      <c r="I88" s="11">
        <v>48812159.310000002</v>
      </c>
      <c r="J88" s="11">
        <v>160126268.19</v>
      </c>
      <c r="K88" s="11">
        <v>1.67</v>
      </c>
      <c r="L88" s="11">
        <v>178912647.44999999</v>
      </c>
    </row>
    <row r="89" spans="1:12" x14ac:dyDescent="0.25">
      <c r="A89" s="2" t="s">
        <v>163</v>
      </c>
      <c r="B89" s="4" t="s">
        <v>435</v>
      </c>
      <c r="C89" s="13">
        <v>0</v>
      </c>
      <c r="D89" s="13">
        <v>0</v>
      </c>
      <c r="E89" s="13">
        <v>0</v>
      </c>
      <c r="F89" s="13">
        <v>0</v>
      </c>
      <c r="G89" s="13">
        <v>0</v>
      </c>
      <c r="H89" s="13">
        <v>0</v>
      </c>
      <c r="I89" s="13">
        <v>0</v>
      </c>
      <c r="J89" s="13">
        <v>0</v>
      </c>
      <c r="K89" s="13">
        <v>0</v>
      </c>
      <c r="L89" s="13">
        <v>0</v>
      </c>
    </row>
    <row r="90" spans="1:12" x14ac:dyDescent="0.25">
      <c r="A90" s="2" t="s">
        <v>165</v>
      </c>
      <c r="B90" s="4" t="s">
        <v>442</v>
      </c>
      <c r="C90" s="13">
        <v>347522800</v>
      </c>
      <c r="D90" s="13">
        <v>317421275.63999999</v>
      </c>
      <c r="E90" s="13">
        <v>53479375.609999999</v>
      </c>
      <c r="F90" s="13">
        <v>179481015.71000001</v>
      </c>
      <c r="G90" s="13">
        <v>1.36</v>
      </c>
      <c r="H90" s="13">
        <v>137940259.93000001</v>
      </c>
      <c r="I90" s="13">
        <v>47726515.25</v>
      </c>
      <c r="J90" s="13">
        <v>157587011.24000001</v>
      </c>
      <c r="K90" s="13">
        <v>1.64</v>
      </c>
      <c r="L90" s="13">
        <v>159834264.40000001</v>
      </c>
    </row>
    <row r="91" spans="1:12" x14ac:dyDescent="0.25">
      <c r="A91" s="2" t="s">
        <v>178</v>
      </c>
      <c r="B91" s="4" t="s">
        <v>431</v>
      </c>
      <c r="C91" s="13">
        <v>9700600</v>
      </c>
      <c r="D91" s="13">
        <v>21032640</v>
      </c>
      <c r="E91" s="13">
        <v>2584814.15</v>
      </c>
      <c r="F91" s="13">
        <v>4474481.0599999996</v>
      </c>
      <c r="G91" s="13">
        <v>0.03</v>
      </c>
      <c r="H91" s="13">
        <v>16558158.939999999</v>
      </c>
      <c r="I91" s="13">
        <v>1085644.06</v>
      </c>
      <c r="J91" s="13">
        <v>2539256.9500000002</v>
      </c>
      <c r="K91" s="13">
        <v>0.03</v>
      </c>
      <c r="L91" s="13">
        <v>18493383.050000001</v>
      </c>
    </row>
    <row r="92" spans="1:12" x14ac:dyDescent="0.25">
      <c r="A92" s="2" t="s">
        <v>180</v>
      </c>
      <c r="B92" s="4" t="s">
        <v>473</v>
      </c>
      <c r="C92" s="13">
        <v>585000</v>
      </c>
      <c r="D92" s="13">
        <v>585000</v>
      </c>
      <c r="E92" s="13">
        <v>0</v>
      </c>
      <c r="F92" s="13">
        <v>0</v>
      </c>
      <c r="G92" s="13">
        <v>0</v>
      </c>
      <c r="H92" s="13">
        <v>585000</v>
      </c>
      <c r="I92" s="13">
        <v>0</v>
      </c>
      <c r="J92" s="13">
        <v>0</v>
      </c>
      <c r="K92" s="13">
        <v>0</v>
      </c>
      <c r="L92" s="13">
        <v>585000</v>
      </c>
    </row>
    <row r="93" spans="1:12" x14ac:dyDescent="0.25">
      <c r="A93" s="3" t="s">
        <v>182</v>
      </c>
      <c r="B93" s="5" t="s">
        <v>474</v>
      </c>
      <c r="C93" s="11">
        <v>23937200</v>
      </c>
      <c r="D93" s="11">
        <v>78736907</v>
      </c>
      <c r="E93" s="11">
        <v>16346141.27</v>
      </c>
      <c r="F93" s="11">
        <v>63689592.079999998</v>
      </c>
      <c r="G93" s="11">
        <v>0.49</v>
      </c>
      <c r="H93" s="11">
        <v>15047314.92</v>
      </c>
      <c r="I93" s="11">
        <v>18993978.030000001</v>
      </c>
      <c r="J93" s="11">
        <v>29815360.149999999</v>
      </c>
      <c r="K93" s="11">
        <v>0.31</v>
      </c>
      <c r="L93" s="11">
        <v>48921546.850000001</v>
      </c>
    </row>
    <row r="94" spans="1:12" x14ac:dyDescent="0.25">
      <c r="A94" s="2" t="s">
        <v>184</v>
      </c>
      <c r="B94" s="4" t="s">
        <v>424</v>
      </c>
      <c r="C94" s="13">
        <v>10170000</v>
      </c>
      <c r="D94" s="13">
        <v>10854754</v>
      </c>
      <c r="E94" s="13">
        <v>2570921.65</v>
      </c>
      <c r="F94" s="13">
        <v>7317672.1799999997</v>
      </c>
      <c r="G94" s="13">
        <v>0.06</v>
      </c>
      <c r="H94" s="13">
        <v>3537081.82</v>
      </c>
      <c r="I94" s="13">
        <v>1726185.13</v>
      </c>
      <c r="J94" s="13">
        <v>5907506.8700000001</v>
      </c>
      <c r="K94" s="13">
        <v>0.06</v>
      </c>
      <c r="L94" s="13">
        <v>4947247.13</v>
      </c>
    </row>
    <row r="95" spans="1:12" x14ac:dyDescent="0.25">
      <c r="A95" s="2" t="s">
        <v>186</v>
      </c>
      <c r="B95" s="4" t="s">
        <v>433</v>
      </c>
      <c r="C95" s="13">
        <v>1000</v>
      </c>
      <c r="D95" s="13">
        <v>138000</v>
      </c>
      <c r="E95" s="13">
        <v>96500</v>
      </c>
      <c r="F95" s="13">
        <v>96500</v>
      </c>
      <c r="G95" s="13">
        <v>0</v>
      </c>
      <c r="H95" s="13">
        <v>41500</v>
      </c>
      <c r="I95" s="13">
        <v>20244.560000000001</v>
      </c>
      <c r="J95" s="13">
        <v>20244.560000000001</v>
      </c>
      <c r="K95" s="13">
        <v>0</v>
      </c>
      <c r="L95" s="13">
        <v>117755.44</v>
      </c>
    </row>
    <row r="96" spans="1:12" x14ac:dyDescent="0.25">
      <c r="A96" s="2" t="s">
        <v>188</v>
      </c>
      <c r="B96" s="4" t="s">
        <v>475</v>
      </c>
      <c r="C96" s="13">
        <v>13766200</v>
      </c>
      <c r="D96" s="13">
        <v>67744153</v>
      </c>
      <c r="E96" s="13">
        <v>13678719.619999999</v>
      </c>
      <c r="F96" s="13">
        <v>56275419.899999999</v>
      </c>
      <c r="G96" s="13">
        <v>0.43</v>
      </c>
      <c r="H96" s="13">
        <v>11468733.1</v>
      </c>
      <c r="I96" s="13">
        <v>17247548.34</v>
      </c>
      <c r="J96" s="13">
        <v>23887608.719999999</v>
      </c>
      <c r="K96" s="13">
        <v>0.25</v>
      </c>
      <c r="L96" s="13">
        <v>43856544.280000001</v>
      </c>
    </row>
    <row r="97" spans="1:12" x14ac:dyDescent="0.25">
      <c r="A97" s="3" t="s">
        <v>190</v>
      </c>
      <c r="B97" s="5" t="s">
        <v>476</v>
      </c>
      <c r="C97" s="11">
        <v>36650600</v>
      </c>
      <c r="D97" s="11">
        <v>36974600</v>
      </c>
      <c r="E97" s="11">
        <v>1383560.36</v>
      </c>
      <c r="F97" s="11">
        <v>31050962.07</v>
      </c>
      <c r="G97" s="11">
        <v>0.24</v>
      </c>
      <c r="H97" s="11">
        <v>5923637.9299999997</v>
      </c>
      <c r="I97" s="11">
        <v>113888.62</v>
      </c>
      <c r="J97" s="11">
        <v>1439662.7</v>
      </c>
      <c r="K97" s="11">
        <v>0.01</v>
      </c>
      <c r="L97" s="11">
        <v>35534937.299999997</v>
      </c>
    </row>
    <row r="98" spans="1:12" x14ac:dyDescent="0.25">
      <c r="A98" s="2" t="s">
        <v>192</v>
      </c>
      <c r="B98" s="4" t="s">
        <v>477</v>
      </c>
      <c r="C98" s="13">
        <v>36650600</v>
      </c>
      <c r="D98" s="13">
        <v>36974600</v>
      </c>
      <c r="E98" s="13">
        <v>1383560.36</v>
      </c>
      <c r="F98" s="13">
        <v>31050962.07</v>
      </c>
      <c r="G98" s="13">
        <v>0.24</v>
      </c>
      <c r="H98" s="13">
        <v>5923637.9299999997</v>
      </c>
      <c r="I98" s="13">
        <v>113888.62</v>
      </c>
      <c r="J98" s="13">
        <v>1439662.7</v>
      </c>
      <c r="K98" s="13">
        <v>0.01</v>
      </c>
      <c r="L98" s="13">
        <v>35534937.299999997</v>
      </c>
    </row>
    <row r="99" spans="1:12" x14ac:dyDescent="0.25">
      <c r="A99" s="3" t="s">
        <v>194</v>
      </c>
      <c r="B99" s="5" t="s">
        <v>478</v>
      </c>
      <c r="C99" s="11">
        <v>126126900</v>
      </c>
      <c r="D99" s="11">
        <v>162970700</v>
      </c>
      <c r="E99" s="11">
        <v>12771450.6</v>
      </c>
      <c r="F99" s="11">
        <v>68884293.269999996</v>
      </c>
      <c r="G99" s="11">
        <v>0.52</v>
      </c>
      <c r="H99" s="11">
        <v>94086406.730000004</v>
      </c>
      <c r="I99" s="11">
        <v>21164158.219999999</v>
      </c>
      <c r="J99" s="11">
        <v>54221392.789999999</v>
      </c>
      <c r="K99" s="11">
        <v>0.56999999999999995</v>
      </c>
      <c r="L99" s="11">
        <v>108749307.20999999</v>
      </c>
    </row>
    <row r="100" spans="1:12" x14ac:dyDescent="0.25">
      <c r="A100" s="2" t="s">
        <v>196</v>
      </c>
      <c r="B100" s="4" t="s">
        <v>424</v>
      </c>
      <c r="C100" s="13">
        <v>62840000</v>
      </c>
      <c r="D100" s="13">
        <v>53768550</v>
      </c>
      <c r="E100" s="13">
        <v>6093607.7999999998</v>
      </c>
      <c r="F100" s="13">
        <v>17741030.43</v>
      </c>
      <c r="G100" s="13">
        <v>0.13</v>
      </c>
      <c r="H100" s="13">
        <v>36027519.57</v>
      </c>
      <c r="I100" s="13">
        <v>5483014.5700000003</v>
      </c>
      <c r="J100" s="13">
        <v>15122074.58</v>
      </c>
      <c r="K100" s="13">
        <v>0.16</v>
      </c>
      <c r="L100" s="13">
        <v>38646475.420000002</v>
      </c>
    </row>
    <row r="101" spans="1:12" x14ac:dyDescent="0.25">
      <c r="A101" s="2" t="s">
        <v>198</v>
      </c>
      <c r="B101" s="4" t="s">
        <v>439</v>
      </c>
      <c r="C101" s="13">
        <v>8500000</v>
      </c>
      <c r="D101" s="13">
        <v>9785000</v>
      </c>
      <c r="E101" s="13">
        <v>546013</v>
      </c>
      <c r="F101" s="13">
        <v>1984491.11</v>
      </c>
      <c r="G101" s="13">
        <v>0.02</v>
      </c>
      <c r="H101" s="13">
        <v>7800508.8899999997</v>
      </c>
      <c r="I101" s="13">
        <v>650743.13</v>
      </c>
      <c r="J101" s="13">
        <v>1193319.2</v>
      </c>
      <c r="K101" s="13">
        <v>0.01</v>
      </c>
      <c r="L101" s="13">
        <v>8591680.8000000007</v>
      </c>
    </row>
    <row r="102" spans="1:12" x14ac:dyDescent="0.25">
      <c r="A102" s="2" t="s">
        <v>200</v>
      </c>
      <c r="B102" s="4" t="s">
        <v>479</v>
      </c>
      <c r="C102" s="13">
        <v>51638000</v>
      </c>
      <c r="D102" s="13">
        <v>95798800</v>
      </c>
      <c r="E102" s="13">
        <v>5778563.5099999998</v>
      </c>
      <c r="F102" s="13">
        <v>47325655.439999998</v>
      </c>
      <c r="G102" s="13">
        <v>0.36</v>
      </c>
      <c r="H102" s="13">
        <v>48473144.560000002</v>
      </c>
      <c r="I102" s="13">
        <v>14799743.720000001</v>
      </c>
      <c r="J102" s="13">
        <v>36361463.240000002</v>
      </c>
      <c r="K102" s="13">
        <v>0.38</v>
      </c>
      <c r="L102" s="13">
        <v>59437336.759999998</v>
      </c>
    </row>
    <row r="103" spans="1:12" x14ac:dyDescent="0.25">
      <c r="A103" s="2" t="s">
        <v>202</v>
      </c>
      <c r="B103" s="4" t="s">
        <v>480</v>
      </c>
      <c r="C103" s="13">
        <v>2814800</v>
      </c>
      <c r="D103" s="13">
        <v>3284250</v>
      </c>
      <c r="E103" s="13">
        <v>353266.29</v>
      </c>
      <c r="F103" s="13">
        <v>1833116.29</v>
      </c>
      <c r="G103" s="13">
        <v>0.01</v>
      </c>
      <c r="H103" s="13">
        <v>1451133.71</v>
      </c>
      <c r="I103" s="13">
        <v>230656.8</v>
      </c>
      <c r="J103" s="13">
        <v>1544535.77</v>
      </c>
      <c r="K103" s="13">
        <v>0.02</v>
      </c>
      <c r="L103" s="13">
        <v>1739714.23</v>
      </c>
    </row>
    <row r="104" spans="1:12" x14ac:dyDescent="0.25">
      <c r="A104" s="2" t="s">
        <v>204</v>
      </c>
      <c r="B104" s="4" t="s">
        <v>481</v>
      </c>
      <c r="C104" s="13">
        <v>234100</v>
      </c>
      <c r="D104" s="13">
        <v>234100</v>
      </c>
      <c r="E104" s="13">
        <v>0</v>
      </c>
      <c r="F104" s="13">
        <v>0</v>
      </c>
      <c r="G104" s="13">
        <v>0</v>
      </c>
      <c r="H104" s="13">
        <v>234100</v>
      </c>
      <c r="I104" s="13">
        <v>0</v>
      </c>
      <c r="J104" s="13">
        <v>0</v>
      </c>
      <c r="K104" s="13">
        <v>0</v>
      </c>
      <c r="L104" s="13">
        <v>234100</v>
      </c>
    </row>
    <row r="105" spans="1:12" x14ac:dyDescent="0.25">
      <c r="A105" s="2" t="s">
        <v>206</v>
      </c>
      <c r="B105" s="4" t="s">
        <v>482</v>
      </c>
      <c r="C105" s="13">
        <v>100000</v>
      </c>
      <c r="D105" s="13">
        <v>100000</v>
      </c>
      <c r="E105" s="13">
        <v>0</v>
      </c>
      <c r="F105" s="13">
        <v>0</v>
      </c>
      <c r="G105" s="13">
        <v>0</v>
      </c>
      <c r="H105" s="13">
        <v>100000</v>
      </c>
      <c r="I105" s="13">
        <v>0</v>
      </c>
      <c r="J105" s="13">
        <v>0</v>
      </c>
      <c r="K105" s="13">
        <v>0</v>
      </c>
      <c r="L105" s="13">
        <v>100000</v>
      </c>
    </row>
    <row r="106" spans="1:12" x14ac:dyDescent="0.25">
      <c r="A106" s="3" t="s">
        <v>208</v>
      </c>
      <c r="B106" s="5" t="s">
        <v>483</v>
      </c>
      <c r="C106" s="11">
        <v>45152400</v>
      </c>
      <c r="D106" s="11">
        <v>73749800</v>
      </c>
      <c r="E106" s="11">
        <v>4943741.95</v>
      </c>
      <c r="F106" s="11">
        <v>22701125.239999998</v>
      </c>
      <c r="G106" s="11">
        <v>0.18</v>
      </c>
      <c r="H106" s="11">
        <v>51048674.759999998</v>
      </c>
      <c r="I106" s="11">
        <v>2178543.8199999998</v>
      </c>
      <c r="J106" s="11">
        <v>15624790.24</v>
      </c>
      <c r="K106" s="11">
        <v>0.16</v>
      </c>
      <c r="L106" s="11">
        <v>58125009.759999998</v>
      </c>
    </row>
    <row r="107" spans="1:12" x14ac:dyDescent="0.25">
      <c r="A107" s="2" t="s">
        <v>210</v>
      </c>
      <c r="B107" s="4" t="s">
        <v>425</v>
      </c>
      <c r="C107" s="13">
        <v>200</v>
      </c>
      <c r="D107" s="13">
        <v>70600</v>
      </c>
      <c r="E107" s="13">
        <v>18728.82</v>
      </c>
      <c r="F107" s="13">
        <v>18728.82</v>
      </c>
      <c r="G107" s="13">
        <v>0</v>
      </c>
      <c r="H107" s="13">
        <v>51871.18</v>
      </c>
      <c r="I107" s="13">
        <v>18728.82</v>
      </c>
      <c r="J107" s="13">
        <v>18728.82</v>
      </c>
      <c r="K107" s="13">
        <v>0</v>
      </c>
      <c r="L107" s="13">
        <v>51871.18</v>
      </c>
    </row>
    <row r="108" spans="1:12" x14ac:dyDescent="0.25">
      <c r="A108" s="2" t="s">
        <v>212</v>
      </c>
      <c r="B108" s="4" t="s">
        <v>468</v>
      </c>
      <c r="C108" s="13">
        <v>17417300</v>
      </c>
      <c r="D108" s="13">
        <v>46470576</v>
      </c>
      <c r="E108" s="13">
        <v>4468192.3</v>
      </c>
      <c r="F108" s="13">
        <v>15280626.24</v>
      </c>
      <c r="G108" s="13">
        <v>0.12</v>
      </c>
      <c r="H108" s="13">
        <v>31189949.760000002</v>
      </c>
      <c r="I108" s="13">
        <v>466754.17</v>
      </c>
      <c r="J108" s="13">
        <v>10850051.24</v>
      </c>
      <c r="K108" s="13">
        <v>0.11</v>
      </c>
      <c r="L108" s="13">
        <v>35620524.759999998</v>
      </c>
    </row>
    <row r="109" spans="1:12" x14ac:dyDescent="0.25">
      <c r="A109" s="2" t="s">
        <v>214</v>
      </c>
      <c r="B109" s="4" t="s">
        <v>484</v>
      </c>
      <c r="C109" s="13">
        <v>27734900</v>
      </c>
      <c r="D109" s="13">
        <v>27208624</v>
      </c>
      <c r="E109" s="13">
        <v>456820.83</v>
      </c>
      <c r="F109" s="13">
        <v>7401770.1799999997</v>
      </c>
      <c r="G109" s="13">
        <v>0.06</v>
      </c>
      <c r="H109" s="13">
        <v>19806853.82</v>
      </c>
      <c r="I109" s="13">
        <v>1693060.83</v>
      </c>
      <c r="J109" s="13">
        <v>4756010.18</v>
      </c>
      <c r="K109" s="13">
        <v>0.05</v>
      </c>
      <c r="L109" s="13">
        <v>22452613.82</v>
      </c>
    </row>
    <row r="110" spans="1:12" x14ac:dyDescent="0.25">
      <c r="A110" s="3" t="s">
        <v>216</v>
      </c>
      <c r="B110" s="5" t="s">
        <v>485</v>
      </c>
      <c r="C110" s="11">
        <v>241658000</v>
      </c>
      <c r="D110" s="11">
        <v>426756556.97000003</v>
      </c>
      <c r="E110" s="11">
        <v>88008067.25</v>
      </c>
      <c r="F110" s="11">
        <v>209148659.84</v>
      </c>
      <c r="G110" s="11">
        <v>1.6</v>
      </c>
      <c r="H110" s="11">
        <v>217607897.13</v>
      </c>
      <c r="I110" s="11">
        <v>62581174.579999998</v>
      </c>
      <c r="J110" s="11">
        <v>121495573.25</v>
      </c>
      <c r="K110" s="11">
        <v>1.24</v>
      </c>
      <c r="L110" s="11">
        <v>305260983.72000003</v>
      </c>
    </row>
    <row r="111" spans="1:12" x14ac:dyDescent="0.25">
      <c r="A111" s="2" t="s">
        <v>217</v>
      </c>
      <c r="B111" s="4" t="s">
        <v>424</v>
      </c>
      <c r="C111" s="13">
        <v>101604500</v>
      </c>
      <c r="D111" s="13">
        <v>84499667</v>
      </c>
      <c r="E111" s="13">
        <v>-16278342.710000001</v>
      </c>
      <c r="F111" s="13">
        <v>52249436.969999999</v>
      </c>
      <c r="G111" s="13">
        <v>0.4</v>
      </c>
      <c r="H111" s="13">
        <v>32250230.030000001</v>
      </c>
      <c r="I111" s="13">
        <v>4008154.74</v>
      </c>
      <c r="J111" s="13">
        <v>45600887.810000002</v>
      </c>
      <c r="K111" s="13">
        <v>0.47</v>
      </c>
      <c r="L111" s="13">
        <v>38898779.189999998</v>
      </c>
    </row>
    <row r="112" spans="1:12" x14ac:dyDescent="0.25">
      <c r="A112" s="2" t="s">
        <v>218</v>
      </c>
      <c r="B112" s="4" t="s">
        <v>473</v>
      </c>
      <c r="C112" s="13">
        <v>1400</v>
      </c>
      <c r="D112" s="13">
        <v>9912526</v>
      </c>
      <c r="E112" s="13">
        <v>1785745.5</v>
      </c>
      <c r="F112" s="13">
        <v>9344835.5</v>
      </c>
      <c r="G112" s="13">
        <v>7.0000000000000007E-2</v>
      </c>
      <c r="H112" s="13">
        <v>567690.5</v>
      </c>
      <c r="I112" s="13">
        <v>5041906.1399999997</v>
      </c>
      <c r="J112" s="13">
        <v>7217496.1399999997</v>
      </c>
      <c r="K112" s="13">
        <v>7.0000000000000007E-2</v>
      </c>
      <c r="L112" s="13">
        <v>2695029.86</v>
      </c>
    </row>
    <row r="113" spans="1:12" x14ac:dyDescent="0.25">
      <c r="A113" s="2" t="s">
        <v>220</v>
      </c>
      <c r="B113" s="4" t="s">
        <v>479</v>
      </c>
      <c r="C113" s="13">
        <v>2181100</v>
      </c>
      <c r="D113" s="13">
        <v>106932436.05</v>
      </c>
      <c r="E113" s="13">
        <v>36387507.789999999</v>
      </c>
      <c r="F113" s="13">
        <v>36387507.789999999</v>
      </c>
      <c r="G113" s="13">
        <v>0.28000000000000003</v>
      </c>
      <c r="H113" s="13">
        <v>70544928.260000005</v>
      </c>
      <c r="I113" s="13">
        <v>29180844.870000001</v>
      </c>
      <c r="J113" s="13">
        <v>29180844.870000001</v>
      </c>
      <c r="K113" s="13">
        <v>0.3</v>
      </c>
      <c r="L113" s="13">
        <v>77751591.180000007</v>
      </c>
    </row>
    <row r="114" spans="1:12" x14ac:dyDescent="0.25">
      <c r="A114" s="2" t="s">
        <v>222</v>
      </c>
      <c r="B114" s="4" t="s">
        <v>480</v>
      </c>
      <c r="C114" s="13">
        <v>100</v>
      </c>
      <c r="D114" s="13">
        <v>310600</v>
      </c>
      <c r="E114" s="13">
        <v>77606.399999999994</v>
      </c>
      <c r="F114" s="13">
        <v>77606.399999999994</v>
      </c>
      <c r="G114" s="13">
        <v>0</v>
      </c>
      <c r="H114" s="13">
        <v>232993.6</v>
      </c>
      <c r="I114" s="13">
        <v>77606.399999999994</v>
      </c>
      <c r="J114" s="13">
        <v>77606.399999999994</v>
      </c>
      <c r="K114" s="13">
        <v>0</v>
      </c>
      <c r="L114" s="13">
        <v>232993.6</v>
      </c>
    </row>
    <row r="115" spans="1:12" x14ac:dyDescent="0.25">
      <c r="A115" s="2" t="s">
        <v>224</v>
      </c>
      <c r="B115" s="4" t="s">
        <v>482</v>
      </c>
      <c r="C115" s="13">
        <v>100</v>
      </c>
      <c r="D115" s="13">
        <v>98200</v>
      </c>
      <c r="E115" s="13">
        <v>28898.38</v>
      </c>
      <c r="F115" s="13">
        <v>28898.38</v>
      </c>
      <c r="G115" s="13">
        <v>0</v>
      </c>
      <c r="H115" s="13">
        <v>69301.62</v>
      </c>
      <c r="I115" s="13">
        <v>28898.38</v>
      </c>
      <c r="J115" s="13">
        <v>28898.38</v>
      </c>
      <c r="K115" s="13">
        <v>0</v>
      </c>
      <c r="L115" s="13">
        <v>69301.62</v>
      </c>
    </row>
    <row r="116" spans="1:12" x14ac:dyDescent="0.25">
      <c r="A116" s="2" t="s">
        <v>227</v>
      </c>
      <c r="B116" s="4" t="s">
        <v>484</v>
      </c>
      <c r="C116" s="13">
        <v>3611800</v>
      </c>
      <c r="D116" s="13">
        <v>5719266</v>
      </c>
      <c r="E116" s="13">
        <v>506972.26</v>
      </c>
      <c r="F116" s="13">
        <v>1219583.45</v>
      </c>
      <c r="G116" s="13">
        <v>0.01</v>
      </c>
      <c r="H116" s="13">
        <v>4499682.55</v>
      </c>
      <c r="I116" s="13">
        <v>979667.27</v>
      </c>
      <c r="J116" s="13">
        <v>1165519.0900000001</v>
      </c>
      <c r="K116" s="13">
        <v>0.01</v>
      </c>
      <c r="L116" s="13">
        <v>4553746.91</v>
      </c>
    </row>
    <row r="117" spans="1:12" x14ac:dyDescent="0.25">
      <c r="A117" s="2" t="s">
        <v>229</v>
      </c>
      <c r="B117" s="4" t="s">
        <v>486</v>
      </c>
      <c r="C117" s="13">
        <v>76417800</v>
      </c>
      <c r="D117" s="13">
        <v>118515405</v>
      </c>
      <c r="E117" s="13">
        <v>37922831.920000002</v>
      </c>
      <c r="F117" s="13">
        <v>56498936.890000001</v>
      </c>
      <c r="G117" s="13">
        <v>0.43</v>
      </c>
      <c r="H117" s="13">
        <v>62016468.109999999</v>
      </c>
      <c r="I117" s="13">
        <v>11135276.1</v>
      </c>
      <c r="J117" s="13">
        <v>15382372.24</v>
      </c>
      <c r="K117" s="13">
        <v>0.16</v>
      </c>
      <c r="L117" s="13">
        <v>103133032.76000001</v>
      </c>
    </row>
    <row r="118" spans="1:12" x14ac:dyDescent="0.25">
      <c r="A118" s="2" t="s">
        <v>231</v>
      </c>
      <c r="B118" s="4" t="s">
        <v>487</v>
      </c>
      <c r="C118" s="13">
        <v>100</v>
      </c>
      <c r="D118" s="13">
        <v>100</v>
      </c>
      <c r="E118" s="13">
        <v>0</v>
      </c>
      <c r="F118" s="13">
        <v>0</v>
      </c>
      <c r="G118" s="13">
        <v>0</v>
      </c>
      <c r="H118" s="13">
        <v>100</v>
      </c>
      <c r="I118" s="13">
        <v>0</v>
      </c>
      <c r="J118" s="13">
        <v>0</v>
      </c>
      <c r="K118" s="13">
        <v>0</v>
      </c>
      <c r="L118" s="13">
        <v>100</v>
      </c>
    </row>
    <row r="119" spans="1:12" x14ac:dyDescent="0.25">
      <c r="A119" s="2" t="s">
        <v>233</v>
      </c>
      <c r="B119" s="4" t="s">
        <v>488</v>
      </c>
      <c r="C119" s="13">
        <v>19721700</v>
      </c>
      <c r="D119" s="13">
        <v>20938300</v>
      </c>
      <c r="E119" s="13">
        <v>1040652.8</v>
      </c>
      <c r="F119" s="13">
        <v>7633360.2300000004</v>
      </c>
      <c r="G119" s="13">
        <v>0.06</v>
      </c>
      <c r="H119" s="13">
        <v>13304939.77</v>
      </c>
      <c r="I119" s="13">
        <v>944526.95</v>
      </c>
      <c r="J119" s="13">
        <v>7211454.6200000001</v>
      </c>
      <c r="K119" s="13">
        <v>7.0000000000000007E-2</v>
      </c>
      <c r="L119" s="13">
        <v>13726845.380000001</v>
      </c>
    </row>
    <row r="120" spans="1:12" x14ac:dyDescent="0.25">
      <c r="A120" s="2" t="s">
        <v>235</v>
      </c>
      <c r="B120" s="4" t="s">
        <v>489</v>
      </c>
      <c r="C120" s="13">
        <v>38119400</v>
      </c>
      <c r="D120" s="13">
        <v>79830056.920000002</v>
      </c>
      <c r="E120" s="13">
        <v>26536194.91</v>
      </c>
      <c r="F120" s="13">
        <v>45708494.229999997</v>
      </c>
      <c r="G120" s="13">
        <v>0.35</v>
      </c>
      <c r="H120" s="13">
        <v>34121562.689999998</v>
      </c>
      <c r="I120" s="13">
        <v>11184293.73</v>
      </c>
      <c r="J120" s="13">
        <v>15630493.699999999</v>
      </c>
      <c r="K120" s="13">
        <v>0.16</v>
      </c>
      <c r="L120" s="13">
        <v>64199563.219999999</v>
      </c>
    </row>
    <row r="121" spans="1:12" x14ac:dyDescent="0.25">
      <c r="A121" s="3" t="s">
        <v>237</v>
      </c>
      <c r="B121" s="5" t="s">
        <v>490</v>
      </c>
      <c r="C121" s="11">
        <v>3861700</v>
      </c>
      <c r="D121" s="11">
        <v>8967100</v>
      </c>
      <c r="E121" s="11">
        <v>1647297.3</v>
      </c>
      <c r="F121" s="11">
        <v>1864441.95</v>
      </c>
      <c r="G121" s="11">
        <v>0.01</v>
      </c>
      <c r="H121" s="11">
        <v>7102658.0499999998</v>
      </c>
      <c r="I121" s="11">
        <v>1763290.77</v>
      </c>
      <c r="J121" s="11">
        <v>1843762.01</v>
      </c>
      <c r="K121" s="11">
        <v>0.02</v>
      </c>
      <c r="L121" s="11">
        <v>7123337.9900000002</v>
      </c>
    </row>
    <row r="122" spans="1:12" x14ac:dyDescent="0.25">
      <c r="A122" s="2" t="s">
        <v>239</v>
      </c>
      <c r="B122" s="4" t="s">
        <v>491</v>
      </c>
      <c r="C122" s="13">
        <v>3861700</v>
      </c>
      <c r="D122" s="13">
        <v>8967100</v>
      </c>
      <c r="E122" s="13">
        <v>1647297.3</v>
      </c>
      <c r="F122" s="13">
        <v>1864441.95</v>
      </c>
      <c r="G122" s="13">
        <v>0.01</v>
      </c>
      <c r="H122" s="13">
        <v>7102658.0499999998</v>
      </c>
      <c r="I122" s="13">
        <v>1763290.77</v>
      </c>
      <c r="J122" s="13">
        <v>1843762.01</v>
      </c>
      <c r="K122" s="13">
        <v>0.02</v>
      </c>
      <c r="L122" s="13">
        <v>7123337.9900000002</v>
      </c>
    </row>
    <row r="123" spans="1:12" x14ac:dyDescent="0.25">
      <c r="A123" s="3" t="s">
        <v>241</v>
      </c>
      <c r="B123" s="5" t="s">
        <v>492</v>
      </c>
      <c r="C123" s="11">
        <v>323103200</v>
      </c>
      <c r="D123" s="11">
        <v>323382400</v>
      </c>
      <c r="E123" s="11">
        <v>40997106.380000003</v>
      </c>
      <c r="F123" s="11">
        <v>53893763.609999999</v>
      </c>
      <c r="G123" s="11">
        <v>0.41</v>
      </c>
      <c r="H123" s="11">
        <v>269488636.38999999</v>
      </c>
      <c r="I123" s="11">
        <v>39325199.289999999</v>
      </c>
      <c r="J123" s="11">
        <v>50636010.5</v>
      </c>
      <c r="K123" s="11">
        <v>0.53</v>
      </c>
      <c r="L123" s="11">
        <v>272746389.5</v>
      </c>
    </row>
    <row r="124" spans="1:12" x14ac:dyDescent="0.25">
      <c r="A124" s="2" t="s">
        <v>243</v>
      </c>
      <c r="B124" s="4" t="s">
        <v>493</v>
      </c>
      <c r="C124" s="13">
        <v>323103200</v>
      </c>
      <c r="D124" s="13">
        <v>323382400</v>
      </c>
      <c r="E124" s="13">
        <v>40997106.380000003</v>
      </c>
      <c r="F124" s="13">
        <v>53893763.609999999</v>
      </c>
      <c r="G124" s="13">
        <v>0.41</v>
      </c>
      <c r="H124" s="13">
        <v>269488636.38999999</v>
      </c>
      <c r="I124" s="13">
        <v>39325199.289999999</v>
      </c>
      <c r="J124" s="13">
        <v>50636010.5</v>
      </c>
      <c r="K124" s="13">
        <v>0.53</v>
      </c>
      <c r="L124" s="13">
        <v>272746389.5</v>
      </c>
    </row>
    <row r="125" spans="1:12" x14ac:dyDescent="0.25">
      <c r="A125" s="3" t="s">
        <v>245</v>
      </c>
      <c r="B125" s="5" t="s">
        <v>494</v>
      </c>
      <c r="C125" s="11">
        <v>35861800</v>
      </c>
      <c r="D125" s="11">
        <v>42039197</v>
      </c>
      <c r="E125" s="11">
        <v>4885241.51</v>
      </c>
      <c r="F125" s="11">
        <v>19022306.210000001</v>
      </c>
      <c r="G125" s="11">
        <v>0.15</v>
      </c>
      <c r="H125" s="11">
        <v>23016890.789999999</v>
      </c>
      <c r="I125" s="11">
        <v>5148150.53</v>
      </c>
      <c r="J125" s="11">
        <v>13009228.960000001</v>
      </c>
      <c r="K125" s="11">
        <v>0.14000000000000001</v>
      </c>
      <c r="L125" s="11">
        <v>29029968.039999999</v>
      </c>
    </row>
    <row r="126" spans="1:12" x14ac:dyDescent="0.25">
      <c r="A126" s="2" t="s">
        <v>247</v>
      </c>
      <c r="B126" s="4" t="s">
        <v>495</v>
      </c>
      <c r="C126" s="13">
        <v>13335500</v>
      </c>
      <c r="D126" s="13">
        <v>14219810</v>
      </c>
      <c r="E126" s="13">
        <v>1747170.11</v>
      </c>
      <c r="F126" s="13">
        <v>4881003.3099999996</v>
      </c>
      <c r="G126" s="13">
        <v>0.04</v>
      </c>
      <c r="H126" s="13">
        <v>9338806.6899999995</v>
      </c>
      <c r="I126" s="13">
        <v>1654164.12</v>
      </c>
      <c r="J126" s="13">
        <v>4434761.8899999997</v>
      </c>
      <c r="K126" s="13">
        <v>0.05</v>
      </c>
      <c r="L126" s="13">
        <v>9785048.1099999994</v>
      </c>
    </row>
    <row r="127" spans="1:12" x14ac:dyDescent="0.25">
      <c r="A127" s="2" t="s">
        <v>249</v>
      </c>
      <c r="B127" s="4" t="s">
        <v>496</v>
      </c>
      <c r="C127" s="13">
        <v>500300</v>
      </c>
      <c r="D127" s="13">
        <v>3314900</v>
      </c>
      <c r="E127" s="13">
        <v>1800869.33</v>
      </c>
      <c r="F127" s="13">
        <v>2341478.4300000002</v>
      </c>
      <c r="G127" s="13">
        <v>0.02</v>
      </c>
      <c r="H127" s="13">
        <v>973421.57</v>
      </c>
      <c r="I127" s="13">
        <v>916068.79</v>
      </c>
      <c r="J127" s="13">
        <v>939721.88</v>
      </c>
      <c r="K127" s="13">
        <v>0.01</v>
      </c>
      <c r="L127" s="13">
        <v>2375178.12</v>
      </c>
    </row>
    <row r="128" spans="1:12" x14ac:dyDescent="0.25">
      <c r="A128" s="2" t="s">
        <v>251</v>
      </c>
      <c r="B128" s="4" t="s">
        <v>497</v>
      </c>
      <c r="C128" s="13">
        <v>10532100</v>
      </c>
      <c r="D128" s="13">
        <v>8034400</v>
      </c>
      <c r="E128" s="13">
        <v>-1643289.89</v>
      </c>
      <c r="F128" s="13">
        <v>4115621.71</v>
      </c>
      <c r="G128" s="13">
        <v>0.03</v>
      </c>
      <c r="H128" s="13">
        <v>3918778.29</v>
      </c>
      <c r="I128" s="13">
        <v>1153892.95</v>
      </c>
      <c r="J128" s="13">
        <v>3479175.28</v>
      </c>
      <c r="K128" s="13">
        <v>0.04</v>
      </c>
      <c r="L128" s="13">
        <v>4555224.72</v>
      </c>
    </row>
    <row r="129" spans="1:12" x14ac:dyDescent="0.25">
      <c r="A129" s="2" t="s">
        <v>253</v>
      </c>
      <c r="B129" s="4" t="s">
        <v>498</v>
      </c>
      <c r="C129" s="13">
        <v>11493900</v>
      </c>
      <c r="D129" s="13">
        <v>16470087</v>
      </c>
      <c r="E129" s="13">
        <v>2980491.96</v>
      </c>
      <c r="F129" s="13">
        <v>7684202.7599999998</v>
      </c>
      <c r="G129" s="13">
        <v>0.06</v>
      </c>
      <c r="H129" s="13">
        <v>8785884.2400000002</v>
      </c>
      <c r="I129" s="13">
        <v>1424024.67</v>
      </c>
      <c r="J129" s="13">
        <v>4155569.91</v>
      </c>
      <c r="K129" s="13">
        <v>0.04</v>
      </c>
      <c r="L129" s="13">
        <v>12314517.09</v>
      </c>
    </row>
    <row r="130" spans="1:12" x14ac:dyDescent="0.25">
      <c r="A130" s="3" t="s">
        <v>255</v>
      </c>
      <c r="B130" s="5" t="s">
        <v>499</v>
      </c>
      <c r="C130" s="11">
        <v>1700</v>
      </c>
      <c r="D130" s="11">
        <v>1700</v>
      </c>
      <c r="E130" s="11">
        <v>0</v>
      </c>
      <c r="F130" s="11">
        <v>0</v>
      </c>
      <c r="G130" s="11">
        <v>0</v>
      </c>
      <c r="H130" s="11">
        <v>1700</v>
      </c>
      <c r="I130" s="11">
        <v>0</v>
      </c>
      <c r="J130" s="11">
        <v>0</v>
      </c>
      <c r="K130" s="11">
        <v>0</v>
      </c>
      <c r="L130" s="11">
        <v>1700</v>
      </c>
    </row>
    <row r="131" spans="1:12" x14ac:dyDescent="0.25">
      <c r="A131" s="2" t="s">
        <v>257</v>
      </c>
      <c r="B131" s="4" t="s">
        <v>500</v>
      </c>
      <c r="C131" s="13">
        <v>1700</v>
      </c>
      <c r="D131" s="13">
        <v>1700</v>
      </c>
      <c r="E131" s="13">
        <v>0</v>
      </c>
      <c r="F131" s="13">
        <v>0</v>
      </c>
      <c r="G131" s="13">
        <v>0</v>
      </c>
      <c r="H131" s="13">
        <v>1700</v>
      </c>
      <c r="I131" s="13">
        <v>0</v>
      </c>
      <c r="J131" s="13">
        <v>0</v>
      </c>
      <c r="K131" s="13">
        <v>0</v>
      </c>
      <c r="L131" s="13">
        <v>1700</v>
      </c>
    </row>
    <row r="132" spans="1:12" x14ac:dyDescent="0.25">
      <c r="A132" s="3" t="s">
        <v>259</v>
      </c>
      <c r="B132" s="5" t="s">
        <v>501</v>
      </c>
      <c r="C132" s="11">
        <v>22000</v>
      </c>
      <c r="D132" s="11">
        <v>18765740</v>
      </c>
      <c r="E132" s="11">
        <v>6790582.5099999998</v>
      </c>
      <c r="F132" s="11">
        <v>11133332.9</v>
      </c>
      <c r="G132" s="11">
        <v>0.08</v>
      </c>
      <c r="H132" s="11">
        <v>7632407.0999999996</v>
      </c>
      <c r="I132" s="11">
        <v>1051887.01</v>
      </c>
      <c r="J132" s="11">
        <v>1192787.29</v>
      </c>
      <c r="K132" s="11">
        <v>0.01</v>
      </c>
      <c r="L132" s="11">
        <v>17572952.710000001</v>
      </c>
    </row>
    <row r="133" spans="1:12" x14ac:dyDescent="0.25">
      <c r="A133" s="2" t="s">
        <v>261</v>
      </c>
      <c r="B133" s="4" t="s">
        <v>502</v>
      </c>
      <c r="C133" s="13">
        <v>1000</v>
      </c>
      <c r="D133" s="13">
        <v>1000</v>
      </c>
      <c r="E133" s="13">
        <v>0</v>
      </c>
      <c r="F133" s="13">
        <v>0</v>
      </c>
      <c r="G133" s="13">
        <v>0</v>
      </c>
      <c r="H133" s="13">
        <v>1000</v>
      </c>
      <c r="I133" s="13">
        <v>0</v>
      </c>
      <c r="J133" s="13">
        <v>0</v>
      </c>
      <c r="K133" s="13">
        <v>0</v>
      </c>
      <c r="L133" s="13">
        <v>1000</v>
      </c>
    </row>
    <row r="134" spans="1:12" x14ac:dyDescent="0.25">
      <c r="A134" s="2" t="s">
        <v>263</v>
      </c>
      <c r="B134" s="4" t="s">
        <v>503</v>
      </c>
      <c r="C134" s="13">
        <v>21000</v>
      </c>
      <c r="D134" s="13">
        <v>18764740</v>
      </c>
      <c r="E134" s="13">
        <v>6790582.5099999998</v>
      </c>
      <c r="F134" s="13">
        <v>11133332.9</v>
      </c>
      <c r="G134" s="13">
        <v>0.08</v>
      </c>
      <c r="H134" s="13">
        <v>7631407.0999999996</v>
      </c>
      <c r="I134" s="13">
        <v>1051887.01</v>
      </c>
      <c r="J134" s="13">
        <v>1192787.29</v>
      </c>
      <c r="K134" s="13">
        <v>0.01</v>
      </c>
      <c r="L134" s="13">
        <v>17571952.710000001</v>
      </c>
    </row>
    <row r="135" spans="1:12" x14ac:dyDescent="0.25">
      <c r="A135" s="3" t="s">
        <v>265</v>
      </c>
      <c r="B135" s="5" t="s">
        <v>504</v>
      </c>
      <c r="C135" s="11">
        <v>1351156000</v>
      </c>
      <c r="D135" s="11">
        <v>2449890831.1799998</v>
      </c>
      <c r="E135" s="11">
        <v>511226350.31</v>
      </c>
      <c r="F135" s="11">
        <v>1983483244.0699999</v>
      </c>
      <c r="G135" s="11">
        <v>15.03</v>
      </c>
      <c r="H135" s="11">
        <v>466407587.11000001</v>
      </c>
      <c r="I135" s="11">
        <v>382796667.49000001</v>
      </c>
      <c r="J135" s="11">
        <v>884702220.91999996</v>
      </c>
      <c r="K135" s="11">
        <v>9.18</v>
      </c>
      <c r="L135" s="11">
        <v>1565188610.26</v>
      </c>
    </row>
    <row r="136" spans="1:12" x14ac:dyDescent="0.25">
      <c r="A136" s="2" t="s">
        <v>267</v>
      </c>
      <c r="B136" s="4" t="s">
        <v>424</v>
      </c>
      <c r="C136" s="13">
        <v>100192300</v>
      </c>
      <c r="D136" s="13">
        <v>127277000</v>
      </c>
      <c r="E136" s="13">
        <v>15385716.800000001</v>
      </c>
      <c r="F136" s="13">
        <v>49969418.920000002</v>
      </c>
      <c r="G136" s="13">
        <v>0.38</v>
      </c>
      <c r="H136" s="13">
        <v>77307581.079999998</v>
      </c>
      <c r="I136" s="13">
        <v>14199792.810000001</v>
      </c>
      <c r="J136" s="13">
        <v>37496861.689999998</v>
      </c>
      <c r="K136" s="13">
        <v>0.39</v>
      </c>
      <c r="L136" s="13">
        <v>89780138.310000002</v>
      </c>
    </row>
    <row r="137" spans="1:12" x14ac:dyDescent="0.25">
      <c r="A137" s="2" t="s">
        <v>269</v>
      </c>
      <c r="B137" s="4" t="s">
        <v>505</v>
      </c>
      <c r="C137" s="13">
        <v>3000</v>
      </c>
      <c r="D137" s="13">
        <v>14415460</v>
      </c>
      <c r="E137" s="13">
        <v>4300616.62</v>
      </c>
      <c r="F137" s="13">
        <v>5531512.8200000003</v>
      </c>
      <c r="G137" s="13">
        <v>0.04</v>
      </c>
      <c r="H137" s="13">
        <v>8883947.1799999997</v>
      </c>
      <c r="I137" s="13">
        <v>600440.97</v>
      </c>
      <c r="J137" s="13">
        <v>1021004.82</v>
      </c>
      <c r="K137" s="13">
        <v>0.01</v>
      </c>
      <c r="L137" s="13">
        <v>13394455.18</v>
      </c>
    </row>
    <row r="138" spans="1:12" x14ac:dyDescent="0.25">
      <c r="A138" s="2" t="s">
        <v>271</v>
      </c>
      <c r="B138" s="4" t="s">
        <v>506</v>
      </c>
      <c r="C138" s="13">
        <v>1250958600</v>
      </c>
      <c r="D138" s="13">
        <v>2308196271.1799998</v>
      </c>
      <c r="E138" s="13">
        <v>491540016.88999999</v>
      </c>
      <c r="F138" s="13">
        <v>1927982312.3299999</v>
      </c>
      <c r="G138" s="13">
        <v>14.61</v>
      </c>
      <c r="H138" s="13">
        <v>380213958.85000002</v>
      </c>
      <c r="I138" s="13">
        <v>367996433.70999998</v>
      </c>
      <c r="J138" s="13">
        <v>846184354.40999997</v>
      </c>
      <c r="K138" s="13">
        <v>8.7799999999999994</v>
      </c>
      <c r="L138" s="13">
        <v>1462011916.77</v>
      </c>
    </row>
    <row r="139" spans="1:12" x14ac:dyDescent="0.25">
      <c r="A139" s="2" t="s">
        <v>273</v>
      </c>
      <c r="B139" s="4" t="s">
        <v>507</v>
      </c>
      <c r="C139" s="13">
        <v>1100</v>
      </c>
      <c r="D139" s="13">
        <v>1100</v>
      </c>
      <c r="E139" s="13">
        <v>0</v>
      </c>
      <c r="F139" s="13">
        <v>0</v>
      </c>
      <c r="G139" s="13">
        <v>0</v>
      </c>
      <c r="H139" s="13">
        <v>1100</v>
      </c>
      <c r="I139" s="13">
        <v>0</v>
      </c>
      <c r="J139" s="13">
        <v>0</v>
      </c>
      <c r="K139" s="13">
        <v>0</v>
      </c>
      <c r="L139" s="13">
        <v>1100</v>
      </c>
    </row>
    <row r="140" spans="1:12" x14ac:dyDescent="0.25">
      <c r="A140" s="2" t="s">
        <v>275</v>
      </c>
      <c r="B140" s="4" t="s">
        <v>508</v>
      </c>
      <c r="C140" s="13">
        <v>1000</v>
      </c>
      <c r="D140" s="13">
        <v>1000</v>
      </c>
      <c r="E140" s="13">
        <v>0</v>
      </c>
      <c r="F140" s="13">
        <v>0</v>
      </c>
      <c r="G140" s="13">
        <v>0</v>
      </c>
      <c r="H140" s="13">
        <v>1000</v>
      </c>
      <c r="I140" s="13">
        <v>0</v>
      </c>
      <c r="J140" s="13">
        <v>0</v>
      </c>
      <c r="K140" s="13">
        <v>0</v>
      </c>
      <c r="L140" s="13">
        <v>1000</v>
      </c>
    </row>
    <row r="141" spans="1:12" x14ac:dyDescent="0.25">
      <c r="A141" s="3" t="s">
        <v>277</v>
      </c>
      <c r="B141" s="5" t="s">
        <v>509</v>
      </c>
      <c r="C141" s="11">
        <v>35073700</v>
      </c>
      <c r="D141" s="11">
        <v>135658995</v>
      </c>
      <c r="E141" s="11">
        <v>50057575.259999998</v>
      </c>
      <c r="F141" s="11">
        <v>73981426.5</v>
      </c>
      <c r="G141" s="11">
        <v>0.56000000000000005</v>
      </c>
      <c r="H141" s="11">
        <v>61677568.5</v>
      </c>
      <c r="I141" s="11">
        <v>34624893.729999997</v>
      </c>
      <c r="J141" s="11">
        <v>44060495.289999999</v>
      </c>
      <c r="K141" s="11">
        <v>0.46</v>
      </c>
      <c r="L141" s="11">
        <v>91598499.709999993</v>
      </c>
    </row>
    <row r="142" spans="1:12" x14ac:dyDescent="0.25">
      <c r="A142" s="2" t="s">
        <v>279</v>
      </c>
      <c r="B142" s="4" t="s">
        <v>424</v>
      </c>
      <c r="C142" s="13">
        <v>3686000</v>
      </c>
      <c r="D142" s="13">
        <v>44382430</v>
      </c>
      <c r="E142" s="13">
        <v>13580047.720000001</v>
      </c>
      <c r="F142" s="13">
        <v>25235173.34</v>
      </c>
      <c r="G142" s="13">
        <v>0.19</v>
      </c>
      <c r="H142" s="13">
        <v>19147256.66</v>
      </c>
      <c r="I142" s="13">
        <v>10183209.41</v>
      </c>
      <c r="J142" s="13">
        <v>12374794.689999999</v>
      </c>
      <c r="K142" s="13">
        <v>0.13</v>
      </c>
      <c r="L142" s="13">
        <v>32007635.309999999</v>
      </c>
    </row>
    <row r="143" spans="1:12" x14ac:dyDescent="0.25">
      <c r="A143" s="2" t="s">
        <v>281</v>
      </c>
      <c r="B143" s="4" t="s">
        <v>510</v>
      </c>
      <c r="C143" s="13">
        <v>25965200</v>
      </c>
      <c r="D143" s="13">
        <v>86325200</v>
      </c>
      <c r="E143" s="13">
        <v>35672910.439999998</v>
      </c>
      <c r="F143" s="13">
        <v>46205148.880000003</v>
      </c>
      <c r="G143" s="13">
        <v>0.35</v>
      </c>
      <c r="H143" s="13">
        <v>40120051.119999997</v>
      </c>
      <c r="I143" s="13">
        <v>23641441.219999999</v>
      </c>
      <c r="J143" s="13">
        <v>29192472.600000001</v>
      </c>
      <c r="K143" s="13">
        <v>0.3</v>
      </c>
      <c r="L143" s="13">
        <v>57132727.399999999</v>
      </c>
    </row>
    <row r="144" spans="1:12" x14ac:dyDescent="0.25">
      <c r="A144" s="2" t="s">
        <v>283</v>
      </c>
      <c r="B144" s="4" t="s">
        <v>511</v>
      </c>
      <c r="C144" s="13">
        <v>5422500</v>
      </c>
      <c r="D144" s="13">
        <v>4951365</v>
      </c>
      <c r="E144" s="13">
        <v>804617.1</v>
      </c>
      <c r="F144" s="13">
        <v>2541104.2799999998</v>
      </c>
      <c r="G144" s="13">
        <v>0.02</v>
      </c>
      <c r="H144" s="13">
        <v>2410260.7200000002</v>
      </c>
      <c r="I144" s="13">
        <v>800243.1</v>
      </c>
      <c r="J144" s="13">
        <v>2493228</v>
      </c>
      <c r="K144" s="13">
        <v>0.03</v>
      </c>
      <c r="L144" s="13">
        <v>2458137</v>
      </c>
    </row>
    <row r="145" spans="1:12" x14ac:dyDescent="0.25">
      <c r="A145" s="3" t="s">
        <v>285</v>
      </c>
      <c r="B145" s="5" t="s">
        <v>512</v>
      </c>
      <c r="C145" s="11">
        <v>802243700</v>
      </c>
      <c r="D145" s="11">
        <v>840043700</v>
      </c>
      <c r="E145" s="11">
        <v>87579440.409999996</v>
      </c>
      <c r="F145" s="11">
        <v>833137259.51999998</v>
      </c>
      <c r="G145" s="11">
        <v>6.31</v>
      </c>
      <c r="H145" s="11">
        <v>6906440.4800000004</v>
      </c>
      <c r="I145" s="11">
        <v>172263254.21000001</v>
      </c>
      <c r="J145" s="11">
        <v>530326721.63999999</v>
      </c>
      <c r="K145" s="11">
        <v>5.5</v>
      </c>
      <c r="L145" s="11">
        <v>309716978.36000001</v>
      </c>
    </row>
    <row r="146" spans="1:12" x14ac:dyDescent="0.25">
      <c r="A146" s="2" t="s">
        <v>287</v>
      </c>
      <c r="B146" s="4" t="s">
        <v>513</v>
      </c>
      <c r="C146" s="13">
        <v>366992300</v>
      </c>
      <c r="D146" s="13">
        <v>220782397</v>
      </c>
      <c r="E146" s="13">
        <v>27095600</v>
      </c>
      <c r="F146" s="13">
        <v>220779249.96000001</v>
      </c>
      <c r="G146" s="13">
        <v>1.67</v>
      </c>
      <c r="H146" s="13">
        <v>3147.04</v>
      </c>
      <c r="I146" s="13">
        <v>66755728.509999998</v>
      </c>
      <c r="J146" s="13">
        <v>198088572.78999999</v>
      </c>
      <c r="K146" s="13">
        <v>2.06</v>
      </c>
      <c r="L146" s="13">
        <v>22693824.210000001</v>
      </c>
    </row>
    <row r="147" spans="1:12" x14ac:dyDescent="0.25">
      <c r="A147" s="2" t="s">
        <v>289</v>
      </c>
      <c r="B147" s="4" t="s">
        <v>448</v>
      </c>
      <c r="C147" s="13">
        <v>104807300</v>
      </c>
      <c r="D147" s="13">
        <v>159311000</v>
      </c>
      <c r="E147" s="13">
        <v>0</v>
      </c>
      <c r="F147" s="13">
        <v>159309968</v>
      </c>
      <c r="G147" s="13">
        <v>1.21</v>
      </c>
      <c r="H147" s="13">
        <v>1032</v>
      </c>
      <c r="I147" s="13">
        <v>26943924.34</v>
      </c>
      <c r="J147" s="13">
        <v>83278204.439999998</v>
      </c>
      <c r="K147" s="13">
        <v>0.86</v>
      </c>
      <c r="L147" s="13">
        <v>76032795.560000002</v>
      </c>
    </row>
    <row r="148" spans="1:12" x14ac:dyDescent="0.25">
      <c r="A148" s="2" t="s">
        <v>291</v>
      </c>
      <c r="B148" s="4" t="s">
        <v>514</v>
      </c>
      <c r="C148" s="13">
        <v>187803100</v>
      </c>
      <c r="D148" s="13">
        <v>187803100</v>
      </c>
      <c r="E148" s="13">
        <v>0</v>
      </c>
      <c r="F148" s="13">
        <v>187803100</v>
      </c>
      <c r="G148" s="13">
        <v>1.42</v>
      </c>
      <c r="H148" s="13">
        <v>0</v>
      </c>
      <c r="I148" s="13">
        <v>7879639.2699999996</v>
      </c>
      <c r="J148" s="13">
        <v>67106557.030000001</v>
      </c>
      <c r="K148" s="13">
        <v>0.7</v>
      </c>
      <c r="L148" s="13">
        <v>120696542.97</v>
      </c>
    </row>
    <row r="149" spans="1:12" x14ac:dyDescent="0.25">
      <c r="A149" s="2" t="s">
        <v>293</v>
      </c>
      <c r="B149" s="4" t="s">
        <v>515</v>
      </c>
      <c r="C149" s="13">
        <v>33542900</v>
      </c>
      <c r="D149" s="13">
        <v>33542900</v>
      </c>
      <c r="E149" s="13">
        <v>0</v>
      </c>
      <c r="F149" s="13">
        <v>33120000</v>
      </c>
      <c r="G149" s="13">
        <v>0.25</v>
      </c>
      <c r="H149" s="13">
        <v>422900</v>
      </c>
      <c r="I149" s="13">
        <v>5500000</v>
      </c>
      <c r="J149" s="13">
        <v>16590935.9</v>
      </c>
      <c r="K149" s="13">
        <v>0.17</v>
      </c>
      <c r="L149" s="13">
        <v>16951964.100000001</v>
      </c>
    </row>
    <row r="150" spans="1:12" x14ac:dyDescent="0.25">
      <c r="A150" s="2" t="s">
        <v>295</v>
      </c>
      <c r="B150" s="4" t="s">
        <v>421</v>
      </c>
      <c r="C150" s="13">
        <v>109098100</v>
      </c>
      <c r="D150" s="13">
        <v>238604303</v>
      </c>
      <c r="E150" s="13">
        <v>60483840.409999996</v>
      </c>
      <c r="F150" s="13">
        <v>232124941.56</v>
      </c>
      <c r="G150" s="13">
        <v>1.76</v>
      </c>
      <c r="H150" s="13">
        <v>6479361.4400000004</v>
      </c>
      <c r="I150" s="13">
        <v>65183962.090000004</v>
      </c>
      <c r="J150" s="13">
        <v>165262451.47999999</v>
      </c>
      <c r="K150" s="13">
        <v>1.71</v>
      </c>
      <c r="L150" s="13">
        <v>73341851.519999996</v>
      </c>
    </row>
    <row r="151" spans="1:12" x14ac:dyDescent="0.25">
      <c r="A151" s="3" t="s">
        <v>297</v>
      </c>
      <c r="B151" s="5" t="s">
        <v>516</v>
      </c>
      <c r="C151" s="11">
        <v>153967500</v>
      </c>
      <c r="D151" s="11">
        <v>153967500</v>
      </c>
      <c r="E151" s="11">
        <v>0</v>
      </c>
      <c r="F151" s="11">
        <v>0</v>
      </c>
      <c r="G151" s="11">
        <v>0</v>
      </c>
      <c r="H151" s="11">
        <v>153967500</v>
      </c>
      <c r="I151" s="11">
        <v>0</v>
      </c>
      <c r="J151" s="11">
        <v>0</v>
      </c>
      <c r="K151" s="11">
        <v>0</v>
      </c>
      <c r="L151" s="11">
        <v>153967500</v>
      </c>
    </row>
    <row r="152" spans="1:12" x14ac:dyDescent="0.25">
      <c r="A152" s="2" t="s">
        <v>299</v>
      </c>
      <c r="B152" s="4" t="s">
        <v>517</v>
      </c>
      <c r="C152" s="13">
        <v>153967500</v>
      </c>
      <c r="D152" s="13">
        <v>153967500</v>
      </c>
      <c r="E152" s="13">
        <v>0</v>
      </c>
      <c r="F152" s="13">
        <v>0</v>
      </c>
      <c r="G152" s="13">
        <v>0</v>
      </c>
      <c r="H152" s="13">
        <v>153967500</v>
      </c>
      <c r="I152" s="13">
        <v>0</v>
      </c>
      <c r="J152" s="13">
        <v>0</v>
      </c>
      <c r="K152" s="13">
        <v>0</v>
      </c>
      <c r="L152" s="13">
        <v>153967500</v>
      </c>
    </row>
    <row r="153" spans="1:12" x14ac:dyDescent="0.25">
      <c r="A153" s="3" t="s">
        <v>301</v>
      </c>
      <c r="B153" s="5" t="s">
        <v>518</v>
      </c>
      <c r="C153" s="11">
        <v>1852116800</v>
      </c>
      <c r="D153" s="11">
        <v>1704965476.3199999</v>
      </c>
      <c r="E153" s="11">
        <v>330762304.02999997</v>
      </c>
      <c r="F153" s="11">
        <v>1252912115.5699999</v>
      </c>
      <c r="G153" s="11">
        <v>9.49</v>
      </c>
      <c r="H153" s="11">
        <v>452053360.75</v>
      </c>
      <c r="I153" s="11">
        <v>386283137.22000003</v>
      </c>
      <c r="J153" s="11">
        <v>1123500873.8299999</v>
      </c>
      <c r="K153" s="11">
        <v>11.65</v>
      </c>
      <c r="L153" s="11">
        <v>581464602.49000001</v>
      </c>
    </row>
    <row r="154" spans="1:12" x14ac:dyDescent="0.25">
      <c r="A154" s="3" t="s">
        <v>303</v>
      </c>
      <c r="B154" s="5" t="s">
        <v>418</v>
      </c>
      <c r="C154" s="11">
        <v>117100000</v>
      </c>
      <c r="D154" s="11">
        <v>114300000</v>
      </c>
      <c r="E154" s="11">
        <v>17662162.41</v>
      </c>
      <c r="F154" s="11">
        <v>52499923.700000003</v>
      </c>
      <c r="G154" s="11">
        <v>0.4</v>
      </c>
      <c r="H154" s="11">
        <v>61800076.299999997</v>
      </c>
      <c r="I154" s="11">
        <v>17662162.41</v>
      </c>
      <c r="J154" s="11">
        <v>52499923.700000003</v>
      </c>
      <c r="K154" s="11">
        <v>0.55000000000000004</v>
      </c>
      <c r="L154" s="11">
        <v>61800076.299999997</v>
      </c>
    </row>
    <row r="155" spans="1:12" x14ac:dyDescent="0.25">
      <c r="A155" s="2" t="s">
        <v>305</v>
      </c>
      <c r="B155" s="4" t="s">
        <v>419</v>
      </c>
      <c r="C155" s="13">
        <v>57100000</v>
      </c>
      <c r="D155" s="13">
        <v>54300000</v>
      </c>
      <c r="E155" s="13">
        <v>7971640.5300000003</v>
      </c>
      <c r="F155" s="13">
        <v>23804268.789999999</v>
      </c>
      <c r="G155" s="13">
        <v>0.18</v>
      </c>
      <c r="H155" s="13">
        <v>30495731.210000001</v>
      </c>
      <c r="I155" s="13">
        <v>7971640.5300000003</v>
      </c>
      <c r="J155" s="13">
        <v>23804268.789999999</v>
      </c>
      <c r="K155" s="13">
        <v>0.25</v>
      </c>
      <c r="L155" s="13">
        <v>30495731.210000001</v>
      </c>
    </row>
    <row r="156" spans="1:12" x14ac:dyDescent="0.25">
      <c r="A156" s="2" t="s">
        <v>307</v>
      </c>
      <c r="B156" s="4" t="s">
        <v>420</v>
      </c>
      <c r="C156" s="13">
        <v>60000000</v>
      </c>
      <c r="D156" s="13">
        <v>60000000</v>
      </c>
      <c r="E156" s="13">
        <v>9690521.8800000008</v>
      </c>
      <c r="F156" s="13">
        <v>28695654.91</v>
      </c>
      <c r="G156" s="13">
        <v>0.22</v>
      </c>
      <c r="H156" s="13">
        <v>31304345.09</v>
      </c>
      <c r="I156" s="13">
        <v>9690521.8800000008</v>
      </c>
      <c r="J156" s="13">
        <v>28695654.91</v>
      </c>
      <c r="K156" s="13">
        <v>0.3</v>
      </c>
      <c r="L156" s="13">
        <v>31304345.09</v>
      </c>
    </row>
    <row r="157" spans="1:12" x14ac:dyDescent="0.25">
      <c r="A157" s="3" t="s">
        <v>309</v>
      </c>
      <c r="B157" s="5" t="s">
        <v>422</v>
      </c>
      <c r="C157" s="11">
        <v>204763000</v>
      </c>
      <c r="D157" s="11">
        <v>190663000</v>
      </c>
      <c r="E157" s="11">
        <v>0</v>
      </c>
      <c r="F157" s="11">
        <v>188500000</v>
      </c>
      <c r="G157" s="11">
        <v>1.43</v>
      </c>
      <c r="H157" s="11">
        <v>2163000</v>
      </c>
      <c r="I157" s="11">
        <v>35093575.710000001</v>
      </c>
      <c r="J157" s="11">
        <v>92730835.719999999</v>
      </c>
      <c r="K157" s="11">
        <v>0.96</v>
      </c>
      <c r="L157" s="11">
        <v>97932164.280000001</v>
      </c>
    </row>
    <row r="158" spans="1:12" x14ac:dyDescent="0.25">
      <c r="A158" s="2" t="s">
        <v>311</v>
      </c>
      <c r="B158" s="4" t="s">
        <v>423</v>
      </c>
      <c r="C158" s="13">
        <v>204763000</v>
      </c>
      <c r="D158" s="13">
        <v>190663000</v>
      </c>
      <c r="E158" s="13">
        <v>0</v>
      </c>
      <c r="F158" s="13">
        <v>188500000</v>
      </c>
      <c r="G158" s="13">
        <v>1.43</v>
      </c>
      <c r="H158" s="13">
        <v>2163000</v>
      </c>
      <c r="I158" s="13">
        <v>35093575.710000001</v>
      </c>
      <c r="J158" s="13">
        <v>92730835.719999999</v>
      </c>
      <c r="K158" s="13">
        <v>0.96</v>
      </c>
      <c r="L158" s="13">
        <v>97932164.280000001</v>
      </c>
    </row>
    <row r="159" spans="1:12" x14ac:dyDescent="0.25">
      <c r="A159" s="2" t="s">
        <v>313</v>
      </c>
      <c r="B159" s="4" t="s">
        <v>424</v>
      </c>
      <c r="C159" s="13">
        <v>0</v>
      </c>
      <c r="D159" s="13">
        <v>0</v>
      </c>
      <c r="E159" s="13">
        <v>0</v>
      </c>
      <c r="F159" s="13">
        <v>0</v>
      </c>
      <c r="G159" s="13">
        <v>0</v>
      </c>
      <c r="H159" s="13">
        <v>0</v>
      </c>
      <c r="I159" s="13">
        <v>0</v>
      </c>
      <c r="J159" s="13">
        <v>0</v>
      </c>
      <c r="K159" s="13">
        <v>0</v>
      </c>
      <c r="L159" s="13">
        <v>0</v>
      </c>
    </row>
    <row r="160" spans="1:12" x14ac:dyDescent="0.25">
      <c r="A160" s="3" t="s">
        <v>315</v>
      </c>
      <c r="B160" s="5" t="s">
        <v>428</v>
      </c>
      <c r="C160" s="11">
        <v>99623500</v>
      </c>
      <c r="D160" s="11">
        <v>99613500</v>
      </c>
      <c r="E160" s="11">
        <v>8617991.3200000003</v>
      </c>
      <c r="F160" s="11">
        <v>45823122.189999998</v>
      </c>
      <c r="G160" s="11">
        <v>0.35</v>
      </c>
      <c r="H160" s="11">
        <v>53790377.810000002</v>
      </c>
      <c r="I160" s="11">
        <v>14937237.130000001</v>
      </c>
      <c r="J160" s="11">
        <v>43887280</v>
      </c>
      <c r="K160" s="11">
        <v>0.45</v>
      </c>
      <c r="L160" s="11">
        <v>55726220</v>
      </c>
    </row>
    <row r="161" spans="1:12" x14ac:dyDescent="0.25">
      <c r="A161" s="2" t="s">
        <v>317</v>
      </c>
      <c r="B161" s="4" t="s">
        <v>429</v>
      </c>
      <c r="C161" s="13">
        <v>54139200</v>
      </c>
      <c r="D161" s="13">
        <v>54129200</v>
      </c>
      <c r="E161" s="13">
        <v>8179213.2199999997</v>
      </c>
      <c r="F161" s="13">
        <v>23304724.579999998</v>
      </c>
      <c r="G161" s="13">
        <v>0.18</v>
      </c>
      <c r="H161" s="13">
        <v>30824475.420000002</v>
      </c>
      <c r="I161" s="13">
        <v>8179213.2199999997</v>
      </c>
      <c r="J161" s="13">
        <v>23304724.579999998</v>
      </c>
      <c r="K161" s="13">
        <v>0.24</v>
      </c>
      <c r="L161" s="13">
        <v>30824475.420000002</v>
      </c>
    </row>
    <row r="162" spans="1:12" x14ac:dyDescent="0.25">
      <c r="A162" s="2" t="s">
        <v>319</v>
      </c>
      <c r="B162" s="4" t="s">
        <v>430</v>
      </c>
      <c r="C162" s="13">
        <v>16334300</v>
      </c>
      <c r="D162" s="13">
        <v>16334300</v>
      </c>
      <c r="E162" s="13">
        <v>438778.1</v>
      </c>
      <c r="F162" s="13">
        <v>7943397.6100000003</v>
      </c>
      <c r="G162" s="13">
        <v>0.06</v>
      </c>
      <c r="H162" s="13">
        <v>8390902.3900000006</v>
      </c>
      <c r="I162" s="13">
        <v>2175102.37</v>
      </c>
      <c r="J162" s="13">
        <v>6844064.6500000004</v>
      </c>
      <c r="K162" s="13">
        <v>7.0000000000000007E-2</v>
      </c>
      <c r="L162" s="13">
        <v>9490235.3499999996</v>
      </c>
    </row>
    <row r="163" spans="1:12" x14ac:dyDescent="0.25">
      <c r="A163" s="2" t="s">
        <v>321</v>
      </c>
      <c r="B163" s="4" t="s">
        <v>431</v>
      </c>
      <c r="C163" s="13">
        <v>29150000</v>
      </c>
      <c r="D163" s="13">
        <v>29150000</v>
      </c>
      <c r="E163" s="13">
        <v>0</v>
      </c>
      <c r="F163" s="13">
        <v>14575000</v>
      </c>
      <c r="G163" s="13">
        <v>0.11</v>
      </c>
      <c r="H163" s="13">
        <v>14575000</v>
      </c>
      <c r="I163" s="13">
        <v>4582921.54</v>
      </c>
      <c r="J163" s="13">
        <v>13738490.77</v>
      </c>
      <c r="K163" s="13">
        <v>0.14000000000000001</v>
      </c>
      <c r="L163" s="13">
        <v>15411509.23</v>
      </c>
    </row>
    <row r="164" spans="1:12" x14ac:dyDescent="0.25">
      <c r="A164" s="3" t="s">
        <v>323</v>
      </c>
      <c r="B164" s="5" t="s">
        <v>432</v>
      </c>
      <c r="C164" s="11">
        <v>321157600</v>
      </c>
      <c r="D164" s="11">
        <v>325698779.98000002</v>
      </c>
      <c r="E164" s="11">
        <v>66786597.479999997</v>
      </c>
      <c r="F164" s="11">
        <v>203344259.03</v>
      </c>
      <c r="G164" s="11">
        <v>1.53</v>
      </c>
      <c r="H164" s="11">
        <v>122354520.95</v>
      </c>
      <c r="I164" s="11">
        <v>68608818.409999996</v>
      </c>
      <c r="J164" s="11">
        <v>201214002.83000001</v>
      </c>
      <c r="K164" s="11">
        <v>2.08</v>
      </c>
      <c r="L164" s="11">
        <v>124484777.15000001</v>
      </c>
    </row>
    <row r="165" spans="1:12" x14ac:dyDescent="0.25">
      <c r="A165" s="2" t="s">
        <v>325</v>
      </c>
      <c r="B165" s="4" t="s">
        <v>424</v>
      </c>
      <c r="C165" s="13">
        <v>317915700</v>
      </c>
      <c r="D165" s="13">
        <v>310305000</v>
      </c>
      <c r="E165" s="13">
        <v>56425098.32</v>
      </c>
      <c r="F165" s="13">
        <v>189752090.44999999</v>
      </c>
      <c r="G165" s="13">
        <v>1.44</v>
      </c>
      <c r="H165" s="13">
        <v>120552909.55</v>
      </c>
      <c r="I165" s="13">
        <v>58381651.869999997</v>
      </c>
      <c r="J165" s="13">
        <v>187758108.34</v>
      </c>
      <c r="K165" s="13">
        <v>1.95</v>
      </c>
      <c r="L165" s="13">
        <v>122546891.66</v>
      </c>
    </row>
    <row r="166" spans="1:12" x14ac:dyDescent="0.25">
      <c r="A166" s="2" t="s">
        <v>327</v>
      </c>
      <c r="B166" s="4" t="s">
        <v>433</v>
      </c>
      <c r="C166" s="13">
        <v>0</v>
      </c>
      <c r="D166" s="13">
        <v>7516000</v>
      </c>
      <c r="E166" s="13">
        <v>7196977.0199999996</v>
      </c>
      <c r="F166" s="13">
        <v>7196977.0199999996</v>
      </c>
      <c r="G166" s="13">
        <v>0.05</v>
      </c>
      <c r="H166" s="13">
        <v>319022.98</v>
      </c>
      <c r="I166" s="13">
        <v>7196977.0199999996</v>
      </c>
      <c r="J166" s="13">
        <v>7196977.0199999996</v>
      </c>
      <c r="K166" s="13">
        <v>7.0000000000000007E-2</v>
      </c>
      <c r="L166" s="13">
        <v>319022.98</v>
      </c>
    </row>
    <row r="167" spans="1:12" x14ac:dyDescent="0.25">
      <c r="A167" s="2" t="s">
        <v>329</v>
      </c>
      <c r="B167" s="4" t="s">
        <v>434</v>
      </c>
      <c r="C167" s="13">
        <v>3241900</v>
      </c>
      <c r="D167" s="13">
        <v>3237779.98</v>
      </c>
      <c r="E167" s="13">
        <v>602971.88</v>
      </c>
      <c r="F167" s="13">
        <v>1778331.38</v>
      </c>
      <c r="G167" s="13">
        <v>0.01</v>
      </c>
      <c r="H167" s="13">
        <v>1459448.6</v>
      </c>
      <c r="I167" s="13">
        <v>602971.88</v>
      </c>
      <c r="J167" s="13">
        <v>1778331.38</v>
      </c>
      <c r="K167" s="13">
        <v>0.02</v>
      </c>
      <c r="L167" s="13">
        <v>1459448.6</v>
      </c>
    </row>
    <row r="168" spans="1:12" x14ac:dyDescent="0.25">
      <c r="A168" s="2" t="s">
        <v>330</v>
      </c>
      <c r="B168" s="4" t="s">
        <v>425</v>
      </c>
      <c r="C168" s="13">
        <v>0</v>
      </c>
      <c r="D168" s="13">
        <v>345000</v>
      </c>
      <c r="E168" s="13">
        <v>343193.34</v>
      </c>
      <c r="F168" s="13">
        <v>343193.34</v>
      </c>
      <c r="G168" s="13">
        <v>0</v>
      </c>
      <c r="H168" s="13">
        <v>1806.66</v>
      </c>
      <c r="I168" s="13">
        <v>343193.34</v>
      </c>
      <c r="J168" s="13">
        <v>343193.34</v>
      </c>
      <c r="K168" s="13">
        <v>0</v>
      </c>
      <c r="L168" s="13">
        <v>1806.66</v>
      </c>
    </row>
    <row r="169" spans="1:12" x14ac:dyDescent="0.25">
      <c r="A169" s="2" t="s">
        <v>331</v>
      </c>
      <c r="B169" s="4" t="s">
        <v>435</v>
      </c>
      <c r="C169" s="13">
        <v>0</v>
      </c>
      <c r="D169" s="13">
        <v>200000</v>
      </c>
      <c r="E169" s="13">
        <v>200000</v>
      </c>
      <c r="F169" s="13">
        <v>200000</v>
      </c>
      <c r="G169" s="13">
        <v>0</v>
      </c>
      <c r="H169" s="13">
        <v>0</v>
      </c>
      <c r="I169" s="13">
        <v>65667.38</v>
      </c>
      <c r="J169" s="13">
        <v>65667.38</v>
      </c>
      <c r="K169" s="13">
        <v>0</v>
      </c>
      <c r="L169" s="13">
        <v>134332.62</v>
      </c>
    </row>
    <row r="170" spans="1:12" x14ac:dyDescent="0.25">
      <c r="A170" s="2" t="s">
        <v>332</v>
      </c>
      <c r="B170" s="4" t="s">
        <v>436</v>
      </c>
      <c r="C170" s="13">
        <v>0</v>
      </c>
      <c r="D170" s="13">
        <v>4095000</v>
      </c>
      <c r="E170" s="13">
        <v>2018356.92</v>
      </c>
      <c r="F170" s="13">
        <v>4073666.84</v>
      </c>
      <c r="G170" s="13">
        <v>0.03</v>
      </c>
      <c r="H170" s="13">
        <v>21333.16</v>
      </c>
      <c r="I170" s="13">
        <v>2018356.92</v>
      </c>
      <c r="J170" s="13">
        <v>4071725.37</v>
      </c>
      <c r="K170" s="13">
        <v>0.04</v>
      </c>
      <c r="L170" s="13">
        <v>23274.63</v>
      </c>
    </row>
    <row r="171" spans="1:12" x14ac:dyDescent="0.25">
      <c r="A171" s="3" t="s">
        <v>333</v>
      </c>
      <c r="B171" s="5" t="s">
        <v>438</v>
      </c>
      <c r="C171" s="11">
        <v>89403300</v>
      </c>
      <c r="D171" s="11">
        <v>254317220</v>
      </c>
      <c r="E171" s="11">
        <v>47888734.329999998</v>
      </c>
      <c r="F171" s="11">
        <v>142410319.16</v>
      </c>
      <c r="G171" s="11">
        <v>1.08</v>
      </c>
      <c r="H171" s="11">
        <v>111906900.84</v>
      </c>
      <c r="I171" s="11">
        <v>49893854.149999999</v>
      </c>
      <c r="J171" s="11">
        <v>133700673.14</v>
      </c>
      <c r="K171" s="11">
        <v>1.39</v>
      </c>
      <c r="L171" s="11">
        <v>120616546.86</v>
      </c>
    </row>
    <row r="172" spans="1:12" x14ac:dyDescent="0.25">
      <c r="A172" s="2" t="s">
        <v>334</v>
      </c>
      <c r="B172" s="4" t="s">
        <v>424</v>
      </c>
      <c r="C172" s="13">
        <v>89403300</v>
      </c>
      <c r="D172" s="13">
        <v>242289220</v>
      </c>
      <c r="E172" s="13">
        <v>36237964.780000001</v>
      </c>
      <c r="F172" s="13">
        <v>130759549.61</v>
      </c>
      <c r="G172" s="13">
        <v>0.99</v>
      </c>
      <c r="H172" s="13">
        <v>111529670.39</v>
      </c>
      <c r="I172" s="13">
        <v>44381168.439999998</v>
      </c>
      <c r="J172" s="13">
        <v>128187987.43000001</v>
      </c>
      <c r="K172" s="13">
        <v>1.33</v>
      </c>
      <c r="L172" s="13">
        <v>114101232.56999999</v>
      </c>
    </row>
    <row r="173" spans="1:12" x14ac:dyDescent="0.25">
      <c r="A173" s="2" t="s">
        <v>335</v>
      </c>
      <c r="B173" s="4" t="s">
        <v>439</v>
      </c>
      <c r="C173" s="13">
        <v>0</v>
      </c>
      <c r="D173" s="13">
        <v>7020000</v>
      </c>
      <c r="E173" s="13">
        <v>6890148.0899999999</v>
      </c>
      <c r="F173" s="13">
        <v>6890148.0899999999</v>
      </c>
      <c r="G173" s="13">
        <v>0.05</v>
      </c>
      <c r="H173" s="13">
        <v>129851.91</v>
      </c>
      <c r="I173" s="13">
        <v>752064.25</v>
      </c>
      <c r="J173" s="13">
        <v>752064.25</v>
      </c>
      <c r="K173" s="13">
        <v>0.01</v>
      </c>
      <c r="L173" s="13">
        <v>6267935.75</v>
      </c>
    </row>
    <row r="174" spans="1:12" x14ac:dyDescent="0.25">
      <c r="A174" s="2" t="s">
        <v>337</v>
      </c>
      <c r="B174" s="4" t="s">
        <v>442</v>
      </c>
      <c r="C174" s="13">
        <v>0</v>
      </c>
      <c r="D174" s="13">
        <v>5008000</v>
      </c>
      <c r="E174" s="13">
        <v>4760621.46</v>
      </c>
      <c r="F174" s="13">
        <v>4760621.46</v>
      </c>
      <c r="G174" s="13">
        <v>0.04</v>
      </c>
      <c r="H174" s="13">
        <v>247378.54</v>
      </c>
      <c r="I174" s="13">
        <v>4760621.46</v>
      </c>
      <c r="J174" s="13">
        <v>4760621.46</v>
      </c>
      <c r="K174" s="13">
        <v>0.05</v>
      </c>
      <c r="L174" s="13">
        <v>247378.54</v>
      </c>
    </row>
    <row r="175" spans="1:12" x14ac:dyDescent="0.25">
      <c r="A175" s="3" t="s">
        <v>339</v>
      </c>
      <c r="B175" s="5" t="s">
        <v>443</v>
      </c>
      <c r="C175" s="11">
        <v>7994000</v>
      </c>
      <c r="D175" s="11">
        <v>7994000</v>
      </c>
      <c r="E175" s="11">
        <v>1401622.46</v>
      </c>
      <c r="F175" s="11">
        <v>4279182.97</v>
      </c>
      <c r="G175" s="11">
        <v>0.03</v>
      </c>
      <c r="H175" s="11">
        <v>3714817.03</v>
      </c>
      <c r="I175" s="11">
        <v>1401622.46</v>
      </c>
      <c r="J175" s="11">
        <v>4276555.7699999996</v>
      </c>
      <c r="K175" s="11">
        <v>0.04</v>
      </c>
      <c r="L175" s="11">
        <v>3717444.23</v>
      </c>
    </row>
    <row r="176" spans="1:12" x14ac:dyDescent="0.25">
      <c r="A176" s="2" t="s">
        <v>341</v>
      </c>
      <c r="B176" s="4" t="s">
        <v>424</v>
      </c>
      <c r="C176" s="13">
        <v>7994000</v>
      </c>
      <c r="D176" s="13">
        <v>7994000</v>
      </c>
      <c r="E176" s="13">
        <v>1401622.46</v>
      </c>
      <c r="F176" s="13">
        <v>4279182.97</v>
      </c>
      <c r="G176" s="13">
        <v>0.03</v>
      </c>
      <c r="H176" s="13">
        <v>3714817.03</v>
      </c>
      <c r="I176" s="13">
        <v>1401622.46</v>
      </c>
      <c r="J176" s="13">
        <v>4276555.7699999996</v>
      </c>
      <c r="K176" s="13">
        <v>0.04</v>
      </c>
      <c r="L176" s="13">
        <v>3717444.23</v>
      </c>
    </row>
    <row r="177" spans="1:12" x14ac:dyDescent="0.25">
      <c r="A177" s="2" t="s">
        <v>343</v>
      </c>
      <c r="B177" s="4" t="s">
        <v>446</v>
      </c>
      <c r="C177" s="13">
        <v>0</v>
      </c>
      <c r="D177" s="13">
        <v>0</v>
      </c>
      <c r="E177" s="13">
        <v>0</v>
      </c>
      <c r="F177" s="13">
        <v>0</v>
      </c>
      <c r="G177" s="13">
        <v>0</v>
      </c>
      <c r="H177" s="13">
        <v>0</v>
      </c>
      <c r="I177" s="13">
        <v>0</v>
      </c>
      <c r="J177" s="13">
        <v>0</v>
      </c>
      <c r="K177" s="13">
        <v>0</v>
      </c>
      <c r="L177" s="13">
        <v>0</v>
      </c>
    </row>
    <row r="178" spans="1:12" x14ac:dyDescent="0.25">
      <c r="A178" s="3" t="s">
        <v>345</v>
      </c>
      <c r="B178" s="5" t="s">
        <v>449</v>
      </c>
      <c r="C178" s="11">
        <v>0</v>
      </c>
      <c r="D178" s="11">
        <v>1500000</v>
      </c>
      <c r="E178" s="11">
        <v>0</v>
      </c>
      <c r="F178" s="11">
        <v>1500000</v>
      </c>
      <c r="G178" s="11">
        <v>0.01</v>
      </c>
      <c r="H178" s="11">
        <v>0</v>
      </c>
      <c r="I178" s="11">
        <v>0</v>
      </c>
      <c r="J178" s="11">
        <v>1500000</v>
      </c>
      <c r="K178" s="11">
        <v>0.02</v>
      </c>
      <c r="L178" s="11">
        <v>0</v>
      </c>
    </row>
    <row r="179" spans="1:12" x14ac:dyDescent="0.25">
      <c r="A179" s="2" t="s">
        <v>347</v>
      </c>
      <c r="B179" s="4" t="s">
        <v>436</v>
      </c>
      <c r="C179" s="13">
        <v>0</v>
      </c>
      <c r="D179" s="13">
        <v>1500000</v>
      </c>
      <c r="E179" s="13">
        <v>0</v>
      </c>
      <c r="F179" s="13">
        <v>1500000</v>
      </c>
      <c r="G179" s="13">
        <v>0.01</v>
      </c>
      <c r="H179" s="13">
        <v>0</v>
      </c>
      <c r="I179" s="13">
        <v>0</v>
      </c>
      <c r="J179" s="13">
        <v>1500000</v>
      </c>
      <c r="K179" s="13">
        <v>0.02</v>
      </c>
      <c r="L179" s="13">
        <v>0</v>
      </c>
    </row>
    <row r="180" spans="1:12" x14ac:dyDescent="0.25">
      <c r="A180" s="3" t="s">
        <v>350</v>
      </c>
      <c r="B180" s="5" t="s">
        <v>450</v>
      </c>
      <c r="C180" s="11">
        <v>95442200</v>
      </c>
      <c r="D180" s="11">
        <v>79098505.140000001</v>
      </c>
      <c r="E180" s="11">
        <v>18282363.149999999</v>
      </c>
      <c r="F180" s="11">
        <v>54908815.700000003</v>
      </c>
      <c r="G180" s="11">
        <v>0.41</v>
      </c>
      <c r="H180" s="11">
        <v>24189689.440000001</v>
      </c>
      <c r="I180" s="11">
        <v>18415870.66</v>
      </c>
      <c r="J180" s="11">
        <v>54748338.289999999</v>
      </c>
      <c r="K180" s="11">
        <v>0.56999999999999995</v>
      </c>
      <c r="L180" s="11">
        <v>24350166.850000001</v>
      </c>
    </row>
    <row r="181" spans="1:12" x14ac:dyDescent="0.25">
      <c r="A181" s="2" t="s">
        <v>352</v>
      </c>
      <c r="B181" s="4" t="s">
        <v>424</v>
      </c>
      <c r="C181" s="13">
        <v>70900000</v>
      </c>
      <c r="D181" s="13">
        <v>50696445.299999997</v>
      </c>
      <c r="E181" s="13">
        <v>10004160.52</v>
      </c>
      <c r="F181" s="13">
        <v>29557681.190000001</v>
      </c>
      <c r="G181" s="13">
        <v>0.22</v>
      </c>
      <c r="H181" s="13">
        <v>21138764.109999999</v>
      </c>
      <c r="I181" s="13">
        <v>10047754.289999999</v>
      </c>
      <c r="J181" s="13">
        <v>29557681.190000001</v>
      </c>
      <c r="K181" s="13">
        <v>0.31</v>
      </c>
      <c r="L181" s="13">
        <v>21138764.109999999</v>
      </c>
    </row>
    <row r="182" spans="1:12" x14ac:dyDescent="0.25">
      <c r="A182" s="2" t="s">
        <v>354</v>
      </c>
      <c r="B182" s="4" t="s">
        <v>452</v>
      </c>
      <c r="C182" s="13">
        <v>24542200</v>
      </c>
      <c r="D182" s="13">
        <v>28402059.84</v>
      </c>
      <c r="E182" s="13">
        <v>8278202.6299999999</v>
      </c>
      <c r="F182" s="13">
        <v>25351134.510000002</v>
      </c>
      <c r="G182" s="13">
        <v>0.19</v>
      </c>
      <c r="H182" s="13">
        <v>3050925.33</v>
      </c>
      <c r="I182" s="13">
        <v>8368116.3700000001</v>
      </c>
      <c r="J182" s="13">
        <v>25190657.100000001</v>
      </c>
      <c r="K182" s="13">
        <v>0.26</v>
      </c>
      <c r="L182" s="13">
        <v>3211402.74</v>
      </c>
    </row>
    <row r="183" spans="1:12" x14ac:dyDescent="0.25">
      <c r="A183" s="2" t="s">
        <v>356</v>
      </c>
      <c r="B183" s="4" t="s">
        <v>455</v>
      </c>
      <c r="C183" s="13">
        <v>0</v>
      </c>
      <c r="D183" s="13">
        <v>0</v>
      </c>
      <c r="E183" s="13">
        <v>0</v>
      </c>
      <c r="F183" s="13">
        <v>0</v>
      </c>
      <c r="G183" s="13">
        <v>0</v>
      </c>
      <c r="H183" s="13">
        <v>0</v>
      </c>
      <c r="I183" s="13">
        <v>0</v>
      </c>
      <c r="J183" s="13">
        <v>0</v>
      </c>
      <c r="K183" s="13">
        <v>0</v>
      </c>
      <c r="L183" s="13">
        <v>0</v>
      </c>
    </row>
    <row r="184" spans="1:12" x14ac:dyDescent="0.25">
      <c r="A184" s="3" t="s">
        <v>358</v>
      </c>
      <c r="B184" s="5" t="s">
        <v>458</v>
      </c>
      <c r="C184" s="11">
        <v>1993600</v>
      </c>
      <c r="D184" s="11">
        <v>2247800</v>
      </c>
      <c r="E184" s="11">
        <v>444707.78</v>
      </c>
      <c r="F184" s="11">
        <v>1357256.34</v>
      </c>
      <c r="G184" s="11">
        <v>0.01</v>
      </c>
      <c r="H184" s="11">
        <v>890543.66</v>
      </c>
      <c r="I184" s="11">
        <v>444707.78</v>
      </c>
      <c r="J184" s="11">
        <v>1357256.34</v>
      </c>
      <c r="K184" s="11">
        <v>0.01</v>
      </c>
      <c r="L184" s="11">
        <v>890543.66</v>
      </c>
    </row>
    <row r="185" spans="1:12" x14ac:dyDescent="0.25">
      <c r="A185" s="2" t="s">
        <v>360</v>
      </c>
      <c r="B185" s="4" t="s">
        <v>424</v>
      </c>
      <c r="C185" s="13">
        <v>1993600</v>
      </c>
      <c r="D185" s="13">
        <v>2226600</v>
      </c>
      <c r="E185" s="13">
        <v>423600.61</v>
      </c>
      <c r="F185" s="13">
        <v>1336149.17</v>
      </c>
      <c r="G185" s="13">
        <v>0.01</v>
      </c>
      <c r="H185" s="13">
        <v>890450.83</v>
      </c>
      <c r="I185" s="13">
        <v>423600.61</v>
      </c>
      <c r="J185" s="13">
        <v>1336149.17</v>
      </c>
      <c r="K185" s="13">
        <v>0.01</v>
      </c>
      <c r="L185" s="13">
        <v>890450.83</v>
      </c>
    </row>
    <row r="186" spans="1:12" x14ac:dyDescent="0.25">
      <c r="A186" s="2" t="s">
        <v>362</v>
      </c>
      <c r="B186" s="4" t="s">
        <v>460</v>
      </c>
      <c r="C186" s="13">
        <v>0</v>
      </c>
      <c r="D186" s="13">
        <v>21200</v>
      </c>
      <c r="E186" s="13">
        <v>21107.17</v>
      </c>
      <c r="F186" s="13">
        <v>21107.17</v>
      </c>
      <c r="G186" s="13">
        <v>0</v>
      </c>
      <c r="H186" s="13">
        <v>92.83</v>
      </c>
      <c r="I186" s="13">
        <v>21107.17</v>
      </c>
      <c r="J186" s="13">
        <v>21107.17</v>
      </c>
      <c r="K186" s="13">
        <v>0</v>
      </c>
      <c r="L186" s="13">
        <v>92.83</v>
      </c>
    </row>
    <row r="187" spans="1:12" x14ac:dyDescent="0.25">
      <c r="A187" s="3" t="s">
        <v>364</v>
      </c>
      <c r="B187" s="5" t="s">
        <v>461</v>
      </c>
      <c r="C187" s="11">
        <v>758025600</v>
      </c>
      <c r="D187" s="11">
        <v>474240204.83999997</v>
      </c>
      <c r="E187" s="11">
        <v>151861172.68000001</v>
      </c>
      <c r="F187" s="11">
        <v>451321844.27999997</v>
      </c>
      <c r="G187" s="11">
        <v>3.42</v>
      </c>
      <c r="H187" s="11">
        <v>22918360.559999999</v>
      </c>
      <c r="I187" s="11">
        <v>151749855.18000001</v>
      </c>
      <c r="J187" s="11">
        <v>451207720.41000003</v>
      </c>
      <c r="K187" s="11">
        <v>4.68</v>
      </c>
      <c r="L187" s="11">
        <v>23032484.43</v>
      </c>
    </row>
    <row r="188" spans="1:12" x14ac:dyDescent="0.25">
      <c r="A188" s="2" t="s">
        <v>366</v>
      </c>
      <c r="B188" s="4" t="s">
        <v>424</v>
      </c>
      <c r="C188" s="13">
        <v>757749900</v>
      </c>
      <c r="D188" s="13">
        <v>33330900</v>
      </c>
      <c r="E188" s="13">
        <v>1800046.51</v>
      </c>
      <c r="F188" s="13">
        <v>14574712.359999999</v>
      </c>
      <c r="G188" s="13">
        <v>0.11</v>
      </c>
      <c r="H188" s="13">
        <v>18756187.640000001</v>
      </c>
      <c r="I188" s="13">
        <v>1800046.51</v>
      </c>
      <c r="J188" s="13">
        <v>14571905.99</v>
      </c>
      <c r="K188" s="13">
        <v>0.15</v>
      </c>
      <c r="L188" s="13">
        <v>18758994.010000002</v>
      </c>
    </row>
    <row r="189" spans="1:12" x14ac:dyDescent="0.25">
      <c r="A189" s="2" t="s">
        <v>368</v>
      </c>
      <c r="B189" s="4" t="s">
        <v>462</v>
      </c>
      <c r="C189" s="13">
        <v>0</v>
      </c>
      <c r="D189" s="13">
        <v>34491158.789999999</v>
      </c>
      <c r="E189" s="13">
        <v>13603257.560000001</v>
      </c>
      <c r="F189" s="13">
        <v>34488482.579999998</v>
      </c>
      <c r="G189" s="13">
        <v>0.26</v>
      </c>
      <c r="H189" s="13">
        <v>2676.21</v>
      </c>
      <c r="I189" s="13">
        <v>13603257.560000001</v>
      </c>
      <c r="J189" s="13">
        <v>34488482.579999998</v>
      </c>
      <c r="K189" s="13">
        <v>0.36</v>
      </c>
      <c r="L189" s="13">
        <v>2676.21</v>
      </c>
    </row>
    <row r="190" spans="1:12" x14ac:dyDescent="0.25">
      <c r="A190" s="2" t="s">
        <v>519</v>
      </c>
      <c r="B190" s="4" t="s">
        <v>463</v>
      </c>
      <c r="C190" s="13">
        <v>0</v>
      </c>
      <c r="D190" s="13">
        <v>397764359.24000001</v>
      </c>
      <c r="E190" s="13">
        <v>131702733.16</v>
      </c>
      <c r="F190" s="13">
        <v>397474423.88</v>
      </c>
      <c r="G190" s="13">
        <v>3.01</v>
      </c>
      <c r="H190" s="13">
        <v>289935.35999999999</v>
      </c>
      <c r="I190" s="13">
        <v>131591415.66</v>
      </c>
      <c r="J190" s="13">
        <v>397363106.38</v>
      </c>
      <c r="K190" s="13">
        <v>4.12</v>
      </c>
      <c r="L190" s="13">
        <v>401252.86</v>
      </c>
    </row>
    <row r="191" spans="1:12" x14ac:dyDescent="0.25">
      <c r="A191" s="2" t="s">
        <v>520</v>
      </c>
      <c r="B191" s="4" t="s">
        <v>464</v>
      </c>
      <c r="C191" s="13">
        <v>0</v>
      </c>
      <c r="D191" s="13">
        <v>58786.81</v>
      </c>
      <c r="E191" s="13">
        <v>29696.799999999999</v>
      </c>
      <c r="F191" s="13">
        <v>58786.81</v>
      </c>
      <c r="G191" s="13">
        <v>0</v>
      </c>
      <c r="H191" s="13">
        <v>0</v>
      </c>
      <c r="I191" s="13">
        <v>29696.799999999999</v>
      </c>
      <c r="J191" s="13">
        <v>58786.81</v>
      </c>
      <c r="K191" s="13">
        <v>0</v>
      </c>
      <c r="L191" s="13">
        <v>0</v>
      </c>
    </row>
    <row r="192" spans="1:12" x14ac:dyDescent="0.25">
      <c r="A192" s="2" t="s">
        <v>521</v>
      </c>
      <c r="B192" s="4" t="s">
        <v>447</v>
      </c>
      <c r="C192" s="13">
        <v>0</v>
      </c>
      <c r="D192" s="13">
        <v>8495000</v>
      </c>
      <c r="E192" s="13">
        <v>4725438.6500000004</v>
      </c>
      <c r="F192" s="13">
        <v>4725438.6500000004</v>
      </c>
      <c r="G192" s="13">
        <v>0.04</v>
      </c>
      <c r="H192" s="13">
        <v>3769561.35</v>
      </c>
      <c r="I192" s="13">
        <v>4725438.6500000004</v>
      </c>
      <c r="J192" s="13">
        <v>4725438.6500000004</v>
      </c>
      <c r="K192" s="13">
        <v>0.05</v>
      </c>
      <c r="L192" s="13">
        <v>3769561.35</v>
      </c>
    </row>
    <row r="193" spans="1:12" x14ac:dyDescent="0.25">
      <c r="A193" s="2" t="s">
        <v>522</v>
      </c>
      <c r="B193" s="4" t="s">
        <v>467</v>
      </c>
      <c r="C193" s="13">
        <v>275700</v>
      </c>
      <c r="D193" s="13">
        <v>100000</v>
      </c>
      <c r="E193" s="13">
        <v>0</v>
      </c>
      <c r="F193" s="13">
        <v>0</v>
      </c>
      <c r="G193" s="13">
        <v>0</v>
      </c>
      <c r="H193" s="13">
        <v>100000</v>
      </c>
      <c r="I193" s="13">
        <v>0</v>
      </c>
      <c r="J193" s="13">
        <v>0</v>
      </c>
      <c r="K193" s="13">
        <v>0</v>
      </c>
      <c r="L193" s="13">
        <v>100000</v>
      </c>
    </row>
    <row r="194" spans="1:12" x14ac:dyDescent="0.25">
      <c r="A194" s="3" t="s">
        <v>523</v>
      </c>
      <c r="B194" s="5" t="s">
        <v>469</v>
      </c>
      <c r="C194" s="11">
        <v>1610300</v>
      </c>
      <c r="D194" s="11">
        <v>1578600</v>
      </c>
      <c r="E194" s="11">
        <v>14895.07</v>
      </c>
      <c r="F194" s="11">
        <v>1533835.26</v>
      </c>
      <c r="G194" s="11">
        <v>0.01</v>
      </c>
      <c r="H194" s="11">
        <v>44764.74</v>
      </c>
      <c r="I194" s="11">
        <v>328293.87</v>
      </c>
      <c r="J194" s="11">
        <v>963768.74</v>
      </c>
      <c r="K194" s="11">
        <v>0.01</v>
      </c>
      <c r="L194" s="11">
        <v>614831.26</v>
      </c>
    </row>
    <row r="195" spans="1:12" x14ac:dyDescent="0.25">
      <c r="A195" s="2" t="s">
        <v>524</v>
      </c>
      <c r="B195" s="4" t="s">
        <v>424</v>
      </c>
      <c r="C195" s="13">
        <v>1610300</v>
      </c>
      <c r="D195" s="13">
        <v>1578600</v>
      </c>
      <c r="E195" s="13">
        <v>14895.07</v>
      </c>
      <c r="F195" s="13">
        <v>1533835.26</v>
      </c>
      <c r="G195" s="13">
        <v>0.01</v>
      </c>
      <c r="H195" s="13">
        <v>44764.74</v>
      </c>
      <c r="I195" s="13">
        <v>328293.87</v>
      </c>
      <c r="J195" s="13">
        <v>963768.74</v>
      </c>
      <c r="K195" s="13">
        <v>0.01</v>
      </c>
      <c r="L195" s="13">
        <v>614831.26</v>
      </c>
    </row>
    <row r="196" spans="1:12" x14ac:dyDescent="0.25">
      <c r="A196" s="3" t="s">
        <v>525</v>
      </c>
      <c r="B196" s="5" t="s">
        <v>472</v>
      </c>
      <c r="C196" s="11">
        <v>47733900</v>
      </c>
      <c r="D196" s="11">
        <v>37841166.359999999</v>
      </c>
      <c r="E196" s="11">
        <v>4958723.4000000004</v>
      </c>
      <c r="F196" s="11">
        <v>21743999.91</v>
      </c>
      <c r="G196" s="11">
        <v>0.16</v>
      </c>
      <c r="H196" s="11">
        <v>16097166.449999999</v>
      </c>
      <c r="I196" s="11">
        <v>4958723.4000000004</v>
      </c>
      <c r="J196" s="11">
        <v>21743999.91</v>
      </c>
      <c r="K196" s="11">
        <v>0.23</v>
      </c>
      <c r="L196" s="11">
        <v>16097166.449999999</v>
      </c>
    </row>
    <row r="197" spans="1:12" x14ac:dyDescent="0.25">
      <c r="A197" s="2" t="s">
        <v>526</v>
      </c>
      <c r="B197" s="4" t="s">
        <v>435</v>
      </c>
      <c r="C197" s="13">
        <v>0</v>
      </c>
      <c r="D197" s="13">
        <v>0</v>
      </c>
      <c r="E197" s="13">
        <v>0</v>
      </c>
      <c r="F197" s="13">
        <v>0</v>
      </c>
      <c r="G197" s="13">
        <v>0</v>
      </c>
      <c r="H197" s="13">
        <v>0</v>
      </c>
      <c r="I197" s="13">
        <v>0</v>
      </c>
      <c r="J197" s="13">
        <v>0</v>
      </c>
      <c r="K197" s="13">
        <v>0</v>
      </c>
      <c r="L197" s="13">
        <v>0</v>
      </c>
    </row>
    <row r="198" spans="1:12" x14ac:dyDescent="0.25">
      <c r="A198" s="2" t="s">
        <v>527</v>
      </c>
      <c r="B198" s="4" t="s">
        <v>442</v>
      </c>
      <c r="C198" s="13">
        <v>47733900</v>
      </c>
      <c r="D198" s="13">
        <v>37841166.359999999</v>
      </c>
      <c r="E198" s="13">
        <v>4958723.4000000004</v>
      </c>
      <c r="F198" s="13">
        <v>21743999.91</v>
      </c>
      <c r="G198" s="13">
        <v>0.16</v>
      </c>
      <c r="H198" s="13">
        <v>16097166.449999999</v>
      </c>
      <c r="I198" s="13">
        <v>4958723.4000000004</v>
      </c>
      <c r="J198" s="13">
        <v>21743999.91</v>
      </c>
      <c r="K198" s="13">
        <v>0.23</v>
      </c>
      <c r="L198" s="13">
        <v>16097166.449999999</v>
      </c>
    </row>
    <row r="199" spans="1:12" x14ac:dyDescent="0.25">
      <c r="A199" s="3" t="s">
        <v>528</v>
      </c>
      <c r="B199" s="5" t="s">
        <v>474</v>
      </c>
      <c r="C199" s="11">
        <v>1296900</v>
      </c>
      <c r="D199" s="11">
        <v>1296900</v>
      </c>
      <c r="E199" s="11">
        <v>650395.15</v>
      </c>
      <c r="F199" s="11">
        <v>1127409.22</v>
      </c>
      <c r="G199" s="11">
        <v>0.01</v>
      </c>
      <c r="H199" s="11">
        <v>169490.78</v>
      </c>
      <c r="I199" s="11">
        <v>201054.33</v>
      </c>
      <c r="J199" s="11">
        <v>668272.02</v>
      </c>
      <c r="K199" s="11">
        <v>0.01</v>
      </c>
      <c r="L199" s="11">
        <v>628627.98</v>
      </c>
    </row>
    <row r="200" spans="1:12" x14ac:dyDescent="0.25">
      <c r="A200" s="2" t="s">
        <v>529</v>
      </c>
      <c r="B200" s="4" t="s">
        <v>424</v>
      </c>
      <c r="C200" s="13">
        <v>1296900</v>
      </c>
      <c r="D200" s="13">
        <v>1006900</v>
      </c>
      <c r="E200" s="13">
        <v>382395.15</v>
      </c>
      <c r="F200" s="13">
        <v>859409.22</v>
      </c>
      <c r="G200" s="13">
        <v>0.01</v>
      </c>
      <c r="H200" s="13">
        <v>147490.78</v>
      </c>
      <c r="I200" s="13">
        <v>168298.13</v>
      </c>
      <c r="J200" s="13">
        <v>635515.81999999995</v>
      </c>
      <c r="K200" s="13">
        <v>0.01</v>
      </c>
      <c r="L200" s="13">
        <v>371384.18</v>
      </c>
    </row>
    <row r="201" spans="1:12" x14ac:dyDescent="0.25">
      <c r="A201" s="2" t="s">
        <v>530</v>
      </c>
      <c r="B201" s="4" t="s">
        <v>433</v>
      </c>
      <c r="C201" s="13">
        <v>0</v>
      </c>
      <c r="D201" s="13">
        <v>40000</v>
      </c>
      <c r="E201" s="13">
        <v>35000</v>
      </c>
      <c r="F201" s="13">
        <v>35000</v>
      </c>
      <c r="G201" s="13">
        <v>0</v>
      </c>
      <c r="H201" s="13">
        <v>5000</v>
      </c>
      <c r="I201" s="13">
        <v>4202.07</v>
      </c>
      <c r="J201" s="13">
        <v>4202.07</v>
      </c>
      <c r="K201" s="13">
        <v>0</v>
      </c>
      <c r="L201" s="13">
        <v>35797.93</v>
      </c>
    </row>
    <row r="202" spans="1:12" x14ac:dyDescent="0.25">
      <c r="A202" s="2" t="s">
        <v>531</v>
      </c>
      <c r="B202" s="4" t="s">
        <v>475</v>
      </c>
      <c r="C202" s="13">
        <v>0</v>
      </c>
      <c r="D202" s="13">
        <v>250000</v>
      </c>
      <c r="E202" s="13">
        <v>233000</v>
      </c>
      <c r="F202" s="13">
        <v>233000</v>
      </c>
      <c r="G202" s="13">
        <v>0</v>
      </c>
      <c r="H202" s="13">
        <v>17000</v>
      </c>
      <c r="I202" s="13">
        <v>28554.13</v>
      </c>
      <c r="J202" s="13">
        <v>28554.13</v>
      </c>
      <c r="K202" s="13">
        <v>0</v>
      </c>
      <c r="L202" s="13">
        <v>221445.87</v>
      </c>
    </row>
    <row r="203" spans="1:12" x14ac:dyDescent="0.25">
      <c r="A203" s="3" t="s">
        <v>532</v>
      </c>
      <c r="B203" s="5" t="s">
        <v>478</v>
      </c>
      <c r="C203" s="11">
        <v>1096300</v>
      </c>
      <c r="D203" s="11">
        <v>4383800</v>
      </c>
      <c r="E203" s="11">
        <v>1156650.47</v>
      </c>
      <c r="F203" s="11">
        <v>3511709.59</v>
      </c>
      <c r="G203" s="11">
        <v>0.03</v>
      </c>
      <c r="H203" s="11">
        <v>872090.41</v>
      </c>
      <c r="I203" s="11">
        <v>1156650.47</v>
      </c>
      <c r="J203" s="11">
        <v>3511709.59</v>
      </c>
      <c r="K203" s="11">
        <v>0.04</v>
      </c>
      <c r="L203" s="11">
        <v>872090.41</v>
      </c>
    </row>
    <row r="204" spans="1:12" x14ac:dyDescent="0.25">
      <c r="A204" s="2" t="s">
        <v>533</v>
      </c>
      <c r="B204" s="4" t="s">
        <v>424</v>
      </c>
      <c r="C204" s="13">
        <v>1096300</v>
      </c>
      <c r="D204" s="13">
        <v>4368300</v>
      </c>
      <c r="E204" s="13">
        <v>1155899.79</v>
      </c>
      <c r="F204" s="13">
        <v>3510958.91</v>
      </c>
      <c r="G204" s="13">
        <v>0.03</v>
      </c>
      <c r="H204" s="13">
        <v>857341.09</v>
      </c>
      <c r="I204" s="13">
        <v>1155899.79</v>
      </c>
      <c r="J204" s="13">
        <v>3510958.91</v>
      </c>
      <c r="K204" s="13">
        <v>0.04</v>
      </c>
      <c r="L204" s="13">
        <v>857341.09</v>
      </c>
    </row>
    <row r="205" spans="1:12" x14ac:dyDescent="0.25">
      <c r="A205" s="2" t="s">
        <v>534</v>
      </c>
      <c r="B205" s="4" t="s">
        <v>479</v>
      </c>
      <c r="C205" s="13">
        <v>0</v>
      </c>
      <c r="D205" s="13">
        <v>15500</v>
      </c>
      <c r="E205" s="13">
        <v>750.68</v>
      </c>
      <c r="F205" s="13">
        <v>750.68</v>
      </c>
      <c r="G205" s="13">
        <v>0</v>
      </c>
      <c r="H205" s="13">
        <v>14749.32</v>
      </c>
      <c r="I205" s="13">
        <v>750.68</v>
      </c>
      <c r="J205" s="13">
        <v>750.68</v>
      </c>
      <c r="K205" s="13">
        <v>0</v>
      </c>
      <c r="L205" s="13">
        <v>14749.32</v>
      </c>
    </row>
    <row r="206" spans="1:12" x14ac:dyDescent="0.25">
      <c r="A206" s="3" t="s">
        <v>535</v>
      </c>
      <c r="B206" s="5" t="s">
        <v>485</v>
      </c>
      <c r="C206" s="11">
        <v>37136600</v>
      </c>
      <c r="D206" s="11">
        <v>37412000</v>
      </c>
      <c r="E206" s="11">
        <v>2209763.4700000002</v>
      </c>
      <c r="F206" s="11">
        <v>33703320.509999998</v>
      </c>
      <c r="G206" s="11">
        <v>0.26</v>
      </c>
      <c r="H206" s="11">
        <v>3708679.49</v>
      </c>
      <c r="I206" s="11">
        <v>7415888.1600000001</v>
      </c>
      <c r="J206" s="11">
        <v>22176310.239999998</v>
      </c>
      <c r="K206" s="11">
        <v>0.23</v>
      </c>
      <c r="L206" s="11">
        <v>15235689.76</v>
      </c>
    </row>
    <row r="207" spans="1:12" x14ac:dyDescent="0.25">
      <c r="A207" s="2" t="s">
        <v>536</v>
      </c>
      <c r="B207" s="4" t="s">
        <v>424</v>
      </c>
      <c r="C207" s="13">
        <v>37136600</v>
      </c>
      <c r="D207" s="13">
        <v>29354600</v>
      </c>
      <c r="E207" s="13">
        <v>-4370887.05</v>
      </c>
      <c r="F207" s="13">
        <v>27122669.989999998</v>
      </c>
      <c r="G207" s="13">
        <v>0.21</v>
      </c>
      <c r="H207" s="13">
        <v>2231930.0099999998</v>
      </c>
      <c r="I207" s="13">
        <v>4404529.95</v>
      </c>
      <c r="J207" s="13">
        <v>19164952.030000001</v>
      </c>
      <c r="K207" s="13">
        <v>0.2</v>
      </c>
      <c r="L207" s="13">
        <v>10189647.970000001</v>
      </c>
    </row>
    <row r="208" spans="1:12" x14ac:dyDescent="0.25">
      <c r="A208" s="2" t="s">
        <v>537</v>
      </c>
      <c r="B208" s="4" t="s">
        <v>480</v>
      </c>
      <c r="C208" s="13">
        <v>0</v>
      </c>
      <c r="D208" s="13">
        <v>77600</v>
      </c>
      <c r="E208" s="13">
        <v>19401.62</v>
      </c>
      <c r="F208" s="13">
        <v>19401.62</v>
      </c>
      <c r="G208" s="13">
        <v>0</v>
      </c>
      <c r="H208" s="13">
        <v>58198.38</v>
      </c>
      <c r="I208" s="13">
        <v>19401.62</v>
      </c>
      <c r="J208" s="13">
        <v>19401.62</v>
      </c>
      <c r="K208" s="13">
        <v>0</v>
      </c>
      <c r="L208" s="13">
        <v>58198.38</v>
      </c>
    </row>
    <row r="209" spans="1:12" x14ac:dyDescent="0.25">
      <c r="A209" s="2" t="s">
        <v>538</v>
      </c>
      <c r="B209" s="4" t="s">
        <v>484</v>
      </c>
      <c r="C209" s="13">
        <v>0</v>
      </c>
      <c r="D209" s="13">
        <v>270000</v>
      </c>
      <c r="E209" s="13">
        <v>103355.87</v>
      </c>
      <c r="F209" s="13">
        <v>103355.87</v>
      </c>
      <c r="G209" s="13">
        <v>0</v>
      </c>
      <c r="H209" s="13">
        <v>166644.13</v>
      </c>
      <c r="I209" s="13">
        <v>103355.87</v>
      </c>
      <c r="J209" s="13">
        <v>103355.87</v>
      </c>
      <c r="K209" s="13">
        <v>0</v>
      </c>
      <c r="L209" s="13">
        <v>166644.13</v>
      </c>
    </row>
    <row r="210" spans="1:12" x14ac:dyDescent="0.25">
      <c r="A210" s="2" t="s">
        <v>539</v>
      </c>
      <c r="B210" s="4" t="s">
        <v>486</v>
      </c>
      <c r="C210" s="13">
        <v>0</v>
      </c>
      <c r="D210" s="13">
        <v>2202700</v>
      </c>
      <c r="E210" s="13">
        <v>1113400.43</v>
      </c>
      <c r="F210" s="13">
        <v>1113400.43</v>
      </c>
      <c r="G210" s="13">
        <v>0.01</v>
      </c>
      <c r="H210" s="13">
        <v>1089299.57</v>
      </c>
      <c r="I210" s="13">
        <v>1113400.43</v>
      </c>
      <c r="J210" s="13">
        <v>1113400.43</v>
      </c>
      <c r="K210" s="13">
        <v>0.01</v>
      </c>
      <c r="L210" s="13">
        <v>1089299.57</v>
      </c>
    </row>
    <row r="211" spans="1:12" x14ac:dyDescent="0.25">
      <c r="A211" s="2" t="s">
        <v>540</v>
      </c>
      <c r="B211" s="4" t="s">
        <v>488</v>
      </c>
      <c r="C211" s="13">
        <v>0</v>
      </c>
      <c r="D211" s="13">
        <v>217100</v>
      </c>
      <c r="E211" s="13">
        <v>54612.44</v>
      </c>
      <c r="F211" s="13">
        <v>54612.44</v>
      </c>
      <c r="G211" s="13">
        <v>0</v>
      </c>
      <c r="H211" s="13">
        <v>162487.56</v>
      </c>
      <c r="I211" s="13">
        <v>54612.44</v>
      </c>
      <c r="J211" s="13">
        <v>54612.44</v>
      </c>
      <c r="K211" s="13">
        <v>0</v>
      </c>
      <c r="L211" s="13">
        <v>162487.56</v>
      </c>
    </row>
    <row r="212" spans="1:12" x14ac:dyDescent="0.25">
      <c r="A212" s="2" t="s">
        <v>541</v>
      </c>
      <c r="B212" s="4" t="s">
        <v>489</v>
      </c>
      <c r="C212" s="13">
        <v>0</v>
      </c>
      <c r="D212" s="13">
        <v>5290000</v>
      </c>
      <c r="E212" s="13">
        <v>5289880.16</v>
      </c>
      <c r="F212" s="13">
        <v>5289880.16</v>
      </c>
      <c r="G212" s="13">
        <v>0.04</v>
      </c>
      <c r="H212" s="13">
        <v>119.84</v>
      </c>
      <c r="I212" s="13">
        <v>1720587.85</v>
      </c>
      <c r="J212" s="13">
        <v>1720587.85</v>
      </c>
      <c r="K212" s="13">
        <v>0.02</v>
      </c>
      <c r="L212" s="13">
        <v>3569412.15</v>
      </c>
    </row>
    <row r="213" spans="1:12" x14ac:dyDescent="0.25">
      <c r="A213" s="3" t="s">
        <v>542</v>
      </c>
      <c r="B213" s="5" t="s">
        <v>490</v>
      </c>
      <c r="C213" s="11">
        <v>0</v>
      </c>
      <c r="D213" s="11">
        <v>292000</v>
      </c>
      <c r="E213" s="11">
        <v>121907.21</v>
      </c>
      <c r="F213" s="11">
        <v>121907.21</v>
      </c>
      <c r="G213" s="11">
        <v>0</v>
      </c>
      <c r="H213" s="11">
        <v>170092.79</v>
      </c>
      <c r="I213" s="11">
        <v>121906.21</v>
      </c>
      <c r="J213" s="11">
        <v>121906.21</v>
      </c>
      <c r="K213" s="11">
        <v>0</v>
      </c>
      <c r="L213" s="11">
        <v>170093.79</v>
      </c>
    </row>
    <row r="214" spans="1:12" x14ac:dyDescent="0.25">
      <c r="A214" s="2" t="s">
        <v>543</v>
      </c>
      <c r="B214" s="4" t="s">
        <v>491</v>
      </c>
      <c r="C214" s="13">
        <v>0</v>
      </c>
      <c r="D214" s="13">
        <v>292000</v>
      </c>
      <c r="E214" s="13">
        <v>121907.21</v>
      </c>
      <c r="F214" s="13">
        <v>121907.21</v>
      </c>
      <c r="G214" s="13">
        <v>0</v>
      </c>
      <c r="H214" s="13">
        <v>170092.79</v>
      </c>
      <c r="I214" s="13">
        <v>121906.21</v>
      </c>
      <c r="J214" s="13">
        <v>121906.21</v>
      </c>
      <c r="K214" s="13">
        <v>0</v>
      </c>
      <c r="L214" s="13">
        <v>170093.79</v>
      </c>
    </row>
    <row r="215" spans="1:12" x14ac:dyDescent="0.25">
      <c r="A215" s="3" t="s">
        <v>544</v>
      </c>
      <c r="B215" s="5" t="s">
        <v>492</v>
      </c>
      <c r="C215" s="11">
        <v>0</v>
      </c>
      <c r="D215" s="11">
        <v>11000</v>
      </c>
      <c r="E215" s="11">
        <v>2744.38</v>
      </c>
      <c r="F215" s="11">
        <v>2744.38</v>
      </c>
      <c r="G215" s="11">
        <v>0</v>
      </c>
      <c r="H215" s="11">
        <v>8255.6200000000008</v>
      </c>
      <c r="I215" s="11">
        <v>2744.38</v>
      </c>
      <c r="J215" s="11">
        <v>2744.38</v>
      </c>
      <c r="K215" s="11">
        <v>0</v>
      </c>
      <c r="L215" s="11">
        <v>8255.6200000000008</v>
      </c>
    </row>
    <row r="216" spans="1:12" x14ac:dyDescent="0.25">
      <c r="A216" s="2" t="s">
        <v>545</v>
      </c>
      <c r="B216" s="4" t="s">
        <v>493</v>
      </c>
      <c r="C216" s="13">
        <v>0</v>
      </c>
      <c r="D216" s="13">
        <v>11000</v>
      </c>
      <c r="E216" s="13">
        <v>2744.38</v>
      </c>
      <c r="F216" s="13">
        <v>2744.38</v>
      </c>
      <c r="G216" s="13">
        <v>0</v>
      </c>
      <c r="H216" s="13">
        <v>8255.6200000000008</v>
      </c>
      <c r="I216" s="13">
        <v>2744.38</v>
      </c>
      <c r="J216" s="13">
        <v>2744.38</v>
      </c>
      <c r="K216" s="13">
        <v>0</v>
      </c>
      <c r="L216" s="13">
        <v>8255.6200000000008</v>
      </c>
    </row>
    <row r="217" spans="1:12" x14ac:dyDescent="0.25">
      <c r="A217" s="3" t="s">
        <v>546</v>
      </c>
      <c r="B217" s="5" t="s">
        <v>494</v>
      </c>
      <c r="C217" s="11">
        <v>3933000</v>
      </c>
      <c r="D217" s="11">
        <v>4001000</v>
      </c>
      <c r="E217" s="11">
        <v>556776.46</v>
      </c>
      <c r="F217" s="11">
        <v>2257402.85</v>
      </c>
      <c r="G217" s="11">
        <v>0.02</v>
      </c>
      <c r="H217" s="11">
        <v>1743597.15</v>
      </c>
      <c r="I217" s="11">
        <v>599064.37</v>
      </c>
      <c r="J217" s="11">
        <v>1727062.94</v>
      </c>
      <c r="K217" s="11">
        <v>0.02</v>
      </c>
      <c r="L217" s="11">
        <v>2273937.06</v>
      </c>
    </row>
    <row r="218" spans="1:12" x14ac:dyDescent="0.25">
      <c r="A218" s="2" t="s">
        <v>547</v>
      </c>
      <c r="B218" s="4" t="s">
        <v>495</v>
      </c>
      <c r="C218" s="13">
        <v>1615000</v>
      </c>
      <c r="D218" s="13">
        <v>1615000</v>
      </c>
      <c r="E218" s="13">
        <v>333226.65999999997</v>
      </c>
      <c r="F218" s="13">
        <v>958754.4</v>
      </c>
      <c r="G218" s="13">
        <v>0.01</v>
      </c>
      <c r="H218" s="13">
        <v>656245.6</v>
      </c>
      <c r="I218" s="13">
        <v>333226.65999999997</v>
      </c>
      <c r="J218" s="13">
        <v>958754.4</v>
      </c>
      <c r="K218" s="13">
        <v>0.01</v>
      </c>
      <c r="L218" s="13">
        <v>656245.6</v>
      </c>
    </row>
    <row r="219" spans="1:12" x14ac:dyDescent="0.25">
      <c r="A219" s="2" t="s">
        <v>548</v>
      </c>
      <c r="B219" s="4" t="s">
        <v>496</v>
      </c>
      <c r="C219" s="13">
        <v>0</v>
      </c>
      <c r="D219" s="13">
        <v>564000</v>
      </c>
      <c r="E219" s="13">
        <v>180000</v>
      </c>
      <c r="F219" s="13">
        <v>180000</v>
      </c>
      <c r="G219" s="13">
        <v>0</v>
      </c>
      <c r="H219" s="13">
        <v>384000</v>
      </c>
      <c r="I219" s="13">
        <v>70749</v>
      </c>
      <c r="J219" s="13">
        <v>70749</v>
      </c>
      <c r="K219" s="13">
        <v>0</v>
      </c>
      <c r="L219" s="13">
        <v>493251</v>
      </c>
    </row>
    <row r="220" spans="1:12" x14ac:dyDescent="0.25">
      <c r="A220" s="2" t="s">
        <v>549</v>
      </c>
      <c r="B220" s="4" t="s">
        <v>497</v>
      </c>
      <c r="C220" s="13">
        <v>2318000</v>
      </c>
      <c r="D220" s="13">
        <v>1754000</v>
      </c>
      <c r="E220" s="13">
        <v>24656.28</v>
      </c>
      <c r="F220" s="13">
        <v>1099754.93</v>
      </c>
      <c r="G220" s="13">
        <v>0.01</v>
      </c>
      <c r="H220" s="13">
        <v>654245.06999999995</v>
      </c>
      <c r="I220" s="13">
        <v>176195.19</v>
      </c>
      <c r="J220" s="13">
        <v>678666.02</v>
      </c>
      <c r="K220" s="13">
        <v>0.01</v>
      </c>
      <c r="L220" s="13">
        <v>1075333.98</v>
      </c>
    </row>
    <row r="221" spans="1:12" x14ac:dyDescent="0.25">
      <c r="A221" s="2" t="s">
        <v>550</v>
      </c>
      <c r="B221" s="4" t="s">
        <v>498</v>
      </c>
      <c r="C221" s="13">
        <v>0</v>
      </c>
      <c r="D221" s="13">
        <v>68000</v>
      </c>
      <c r="E221" s="13">
        <v>18893.52</v>
      </c>
      <c r="F221" s="13">
        <v>18893.52</v>
      </c>
      <c r="G221" s="13">
        <v>0</v>
      </c>
      <c r="H221" s="13">
        <v>49106.48</v>
      </c>
      <c r="I221" s="13">
        <v>18893.52</v>
      </c>
      <c r="J221" s="13">
        <v>18893.52</v>
      </c>
      <c r="K221" s="13">
        <v>0</v>
      </c>
      <c r="L221" s="13">
        <v>49106.48</v>
      </c>
    </row>
    <row r="222" spans="1:12" x14ac:dyDescent="0.25">
      <c r="A222" s="3" t="s">
        <v>551</v>
      </c>
      <c r="B222" s="5" t="s">
        <v>504</v>
      </c>
      <c r="C222" s="11">
        <v>38690400</v>
      </c>
      <c r="D222" s="11">
        <v>38690400</v>
      </c>
      <c r="E222" s="11">
        <v>6471638.5899999999</v>
      </c>
      <c r="F222" s="11">
        <v>19335725</v>
      </c>
      <c r="G222" s="11">
        <v>0.15</v>
      </c>
      <c r="H222" s="11">
        <v>19354675</v>
      </c>
      <c r="I222" s="11">
        <v>6471638.5899999999</v>
      </c>
      <c r="J222" s="11">
        <v>19335725</v>
      </c>
      <c r="K222" s="11">
        <v>0.2</v>
      </c>
      <c r="L222" s="11">
        <v>19354675</v>
      </c>
    </row>
    <row r="223" spans="1:12" x14ac:dyDescent="0.25">
      <c r="A223" s="2" t="s">
        <v>552</v>
      </c>
      <c r="B223" s="4" t="s">
        <v>424</v>
      </c>
      <c r="C223" s="13">
        <v>38690400</v>
      </c>
      <c r="D223" s="13">
        <v>38690400</v>
      </c>
      <c r="E223" s="13">
        <v>6471638.5899999999</v>
      </c>
      <c r="F223" s="13">
        <v>19335725</v>
      </c>
      <c r="G223" s="13">
        <v>0.15</v>
      </c>
      <c r="H223" s="13">
        <v>19354675</v>
      </c>
      <c r="I223" s="13">
        <v>6471638.5899999999</v>
      </c>
      <c r="J223" s="13">
        <v>19335725</v>
      </c>
      <c r="K223" s="13">
        <v>0.2</v>
      </c>
      <c r="L223" s="13">
        <v>19354675</v>
      </c>
    </row>
    <row r="224" spans="1:12" x14ac:dyDescent="0.25">
      <c r="A224" s="3" t="s">
        <v>553</v>
      </c>
      <c r="B224" s="5" t="s">
        <v>509</v>
      </c>
      <c r="C224" s="11">
        <v>201200</v>
      </c>
      <c r="D224" s="11">
        <v>321200</v>
      </c>
      <c r="E224" s="11">
        <v>79327.37</v>
      </c>
      <c r="F224" s="11">
        <v>246621.86</v>
      </c>
      <c r="G224" s="11">
        <v>0</v>
      </c>
      <c r="H224" s="11">
        <v>74578.14</v>
      </c>
      <c r="I224" s="11">
        <v>79728.02</v>
      </c>
      <c r="J224" s="11">
        <v>246621.86</v>
      </c>
      <c r="K224" s="11">
        <v>0</v>
      </c>
      <c r="L224" s="11">
        <v>74578.14</v>
      </c>
    </row>
    <row r="225" spans="1:12" x14ac:dyDescent="0.25">
      <c r="A225" s="2" t="s">
        <v>554</v>
      </c>
      <c r="B225" s="4" t="s">
        <v>511</v>
      </c>
      <c r="C225" s="13">
        <v>201200</v>
      </c>
      <c r="D225" s="13">
        <v>321200</v>
      </c>
      <c r="E225" s="13">
        <v>79327.37</v>
      </c>
      <c r="F225" s="13">
        <v>246621.86</v>
      </c>
      <c r="G225" s="13">
        <v>0</v>
      </c>
      <c r="H225" s="13">
        <v>74578.14</v>
      </c>
      <c r="I225" s="13">
        <v>79728.02</v>
      </c>
      <c r="J225" s="13">
        <v>246621.86</v>
      </c>
      <c r="K225" s="13">
        <v>0</v>
      </c>
      <c r="L225" s="13">
        <v>74578.14</v>
      </c>
    </row>
    <row r="226" spans="1:12" x14ac:dyDescent="0.25">
      <c r="A226" s="3" t="s">
        <v>555</v>
      </c>
      <c r="B226" s="5" t="s">
        <v>512</v>
      </c>
      <c r="C226" s="11">
        <v>24915400</v>
      </c>
      <c r="D226" s="11">
        <v>29464400</v>
      </c>
      <c r="E226" s="11">
        <v>1594130.85</v>
      </c>
      <c r="F226" s="11">
        <v>23382716.41</v>
      </c>
      <c r="G226" s="11">
        <v>0.18</v>
      </c>
      <c r="H226" s="11">
        <v>6081683.5899999999</v>
      </c>
      <c r="I226" s="11">
        <v>6739741.5300000003</v>
      </c>
      <c r="J226" s="11">
        <v>15880166.74</v>
      </c>
      <c r="K226" s="11">
        <v>0.16</v>
      </c>
      <c r="L226" s="11">
        <v>13584233.26</v>
      </c>
    </row>
    <row r="227" spans="1:12" x14ac:dyDescent="0.25">
      <c r="A227" s="2" t="s">
        <v>556</v>
      </c>
      <c r="B227" s="4" t="s">
        <v>448</v>
      </c>
      <c r="C227" s="13">
        <v>5820000</v>
      </c>
      <c r="D227" s="13">
        <v>5974000</v>
      </c>
      <c r="E227" s="13">
        <v>154000</v>
      </c>
      <c r="F227" s="13">
        <v>5974000</v>
      </c>
      <c r="G227" s="13">
        <v>0.05</v>
      </c>
      <c r="H227" s="13">
        <v>0</v>
      </c>
      <c r="I227" s="13">
        <v>2140537.48</v>
      </c>
      <c r="J227" s="13">
        <v>5946732.5800000001</v>
      </c>
      <c r="K227" s="13">
        <v>0.06</v>
      </c>
      <c r="L227" s="13">
        <v>27267.42</v>
      </c>
    </row>
    <row r="228" spans="1:12" x14ac:dyDescent="0.25">
      <c r="A228" s="2" t="s">
        <v>557</v>
      </c>
      <c r="B228" s="4" t="s">
        <v>421</v>
      </c>
      <c r="C228" s="13">
        <v>19095400</v>
      </c>
      <c r="D228" s="13">
        <v>23490400</v>
      </c>
      <c r="E228" s="13">
        <v>1440130.85</v>
      </c>
      <c r="F228" s="13">
        <v>17408716.41</v>
      </c>
      <c r="G228" s="13">
        <v>0.13</v>
      </c>
      <c r="H228" s="13">
        <v>6081683.5899999999</v>
      </c>
      <c r="I228" s="13">
        <v>4599204.05</v>
      </c>
      <c r="J228" s="13">
        <v>9933434.1600000001</v>
      </c>
      <c r="K228" s="13">
        <v>0.1</v>
      </c>
      <c r="L228" s="13">
        <v>13556965.84</v>
      </c>
    </row>
    <row r="229" spans="1:12" x14ac:dyDescent="0.25">
      <c r="A229" s="3" t="s">
        <v>558</v>
      </c>
      <c r="B229" s="5" t="s">
        <v>559</v>
      </c>
      <c r="C229" s="11">
        <v>18475534800</v>
      </c>
      <c r="D229" s="11">
        <v>21402743269.689999</v>
      </c>
      <c r="E229" s="11">
        <v>3677593800.2399998</v>
      </c>
      <c r="F229" s="11">
        <v>13197809656.42</v>
      </c>
      <c r="G229" s="11">
        <v>100.01</v>
      </c>
      <c r="H229" s="11">
        <v>8204933613.2700005</v>
      </c>
      <c r="I229" s="11">
        <v>3659007009.7800002</v>
      </c>
      <c r="J229" s="11">
        <v>9636462517.4099998</v>
      </c>
      <c r="K229" s="11">
        <v>99.98</v>
      </c>
      <c r="L229" s="11">
        <v>11766280752.280001</v>
      </c>
    </row>
  </sheetData>
  <mergeCells count="14">
    <mergeCell ref="A9:L9"/>
    <mergeCell ref="A10:A11"/>
    <mergeCell ref="B10:B11"/>
    <mergeCell ref="C10:C11"/>
    <mergeCell ref="D10:D11"/>
    <mergeCell ref="E10:G10"/>
    <mergeCell ref="H10:H11"/>
    <mergeCell ref="I10:K10"/>
    <mergeCell ref="L10:L11"/>
    <mergeCell ref="A3:L3"/>
    <mergeCell ref="A4:L4"/>
    <mergeCell ref="A5:L5"/>
    <mergeCell ref="A6:L6"/>
    <mergeCell ref="A7:L7"/>
  </mergeCell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P43"/>
  <sheetViews>
    <sheetView showGridLines="0" workbookViewId="0"/>
  </sheetViews>
  <sheetFormatPr defaultRowHeight="15" x14ac:dyDescent="0.25"/>
  <cols>
    <col min="3" max="14" width="19" bestFit="1" customWidth="1"/>
    <col min="15" max="16" width="20.140625" bestFit="1" customWidth="1"/>
  </cols>
  <sheetData>
    <row r="3" spans="1:16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7"/>
      <c r="O3" s="7"/>
      <c r="P3" s="7"/>
    </row>
    <row r="4" spans="1:16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  <c r="N4" s="7"/>
      <c r="O4" s="7"/>
      <c r="P4" s="7"/>
    </row>
    <row r="5" spans="1:16" x14ac:dyDescent="0.25">
      <c r="A5" s="8" t="s">
        <v>560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  <c r="O5" s="7"/>
      <c r="P5" s="7"/>
    </row>
    <row r="6" spans="1:16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  <c r="N6" s="7"/>
      <c r="O6" s="7"/>
      <c r="P6" s="7"/>
    </row>
    <row r="7" spans="1:16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  <c r="N7" s="7"/>
      <c r="O7" s="7"/>
      <c r="P7" s="7"/>
    </row>
    <row r="9" spans="1:16" x14ac:dyDescent="0.25">
      <c r="A9" s="9" t="s">
        <v>561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  <c r="N9" s="7"/>
      <c r="O9" s="7"/>
      <c r="P9" s="7"/>
    </row>
    <row r="10" spans="1:16" x14ac:dyDescent="0.25">
      <c r="A10" s="10" t="s">
        <v>6</v>
      </c>
      <c r="B10" s="10" t="s">
        <v>562</v>
      </c>
      <c r="C10" s="10" t="s">
        <v>372</v>
      </c>
      <c r="D10" s="10" t="s">
        <v>7</v>
      </c>
      <c r="E10" s="10" t="s">
        <v>7</v>
      </c>
      <c r="F10" s="10" t="s">
        <v>7</v>
      </c>
      <c r="G10" s="10" t="s">
        <v>7</v>
      </c>
      <c r="H10" s="10" t="s">
        <v>7</v>
      </c>
      <c r="I10" s="10" t="s">
        <v>7</v>
      </c>
      <c r="J10" s="10" t="s">
        <v>7</v>
      </c>
      <c r="K10" s="10" t="s">
        <v>7</v>
      </c>
      <c r="L10" s="10" t="s">
        <v>7</v>
      </c>
      <c r="M10" s="10" t="s">
        <v>7</v>
      </c>
      <c r="N10" s="10" t="s">
        <v>7</v>
      </c>
      <c r="O10" s="10" t="s">
        <v>563</v>
      </c>
      <c r="P10" s="10" t="s">
        <v>564</v>
      </c>
    </row>
    <row r="11" spans="1:16" ht="21" x14ac:dyDescent="0.25">
      <c r="A11" s="10" t="s">
        <v>7</v>
      </c>
      <c r="B11" s="10" t="s">
        <v>7</v>
      </c>
      <c r="C11" s="1" t="s">
        <v>373</v>
      </c>
      <c r="D11" s="1" t="s">
        <v>374</v>
      </c>
      <c r="E11" s="1" t="s">
        <v>375</v>
      </c>
      <c r="F11" s="1" t="s">
        <v>376</v>
      </c>
      <c r="G11" s="1" t="s">
        <v>377</v>
      </c>
      <c r="H11" s="1" t="s">
        <v>378</v>
      </c>
      <c r="I11" s="1" t="s">
        <v>379</v>
      </c>
      <c r="J11" s="1" t="s">
        <v>380</v>
      </c>
      <c r="K11" s="1" t="s">
        <v>381</v>
      </c>
      <c r="L11" s="1" t="s">
        <v>382</v>
      </c>
      <c r="M11" s="1" t="s">
        <v>383</v>
      </c>
      <c r="N11" s="1" t="s">
        <v>384</v>
      </c>
      <c r="O11" s="10" t="s">
        <v>7</v>
      </c>
      <c r="P11" s="10" t="s">
        <v>7</v>
      </c>
    </row>
    <row r="12" spans="1:16" x14ac:dyDescent="0.25">
      <c r="A12" s="3" t="s">
        <v>17</v>
      </c>
      <c r="B12" s="5" t="s">
        <v>565</v>
      </c>
      <c r="C12" s="11">
        <v>1910152747.54</v>
      </c>
      <c r="D12" s="11">
        <v>2031169726.4400001</v>
      </c>
      <c r="E12" s="11">
        <v>1957497738.05</v>
      </c>
      <c r="F12" s="11">
        <v>1954961231.1600001</v>
      </c>
      <c r="G12" s="11">
        <v>2050210757.0799999</v>
      </c>
      <c r="H12" s="11">
        <v>2344751402.6900001</v>
      </c>
      <c r="I12" s="11">
        <v>2431080919.8200002</v>
      </c>
      <c r="J12" s="11">
        <v>1930720108.5599999</v>
      </c>
      <c r="K12" s="11">
        <v>2179605131.0599999</v>
      </c>
      <c r="L12" s="11">
        <v>2127009904.8299999</v>
      </c>
      <c r="M12" s="11">
        <v>2317383064.0599999</v>
      </c>
      <c r="N12" s="11">
        <v>2328002538.6599998</v>
      </c>
      <c r="O12" s="11">
        <v>25562545269.950001</v>
      </c>
      <c r="P12" s="11">
        <v>21893480005</v>
      </c>
    </row>
    <row r="13" spans="1:16" x14ac:dyDescent="0.25">
      <c r="A13" s="3" t="s">
        <v>19</v>
      </c>
      <c r="B13" s="5" t="s">
        <v>566</v>
      </c>
      <c r="C13" s="11">
        <v>1267944647.55</v>
      </c>
      <c r="D13" s="11">
        <v>1326648005.8299999</v>
      </c>
      <c r="E13" s="11">
        <v>1310541166.8199999</v>
      </c>
      <c r="F13" s="11">
        <v>1302748228.2</v>
      </c>
      <c r="G13" s="11">
        <v>1303320809.0999999</v>
      </c>
      <c r="H13" s="11">
        <v>1464919753.04</v>
      </c>
      <c r="I13" s="11">
        <v>1665434023.1099999</v>
      </c>
      <c r="J13" s="11">
        <v>1199212176.1199999</v>
      </c>
      <c r="K13" s="11">
        <v>1406011968.95</v>
      </c>
      <c r="L13" s="11">
        <v>1378970984.71</v>
      </c>
      <c r="M13" s="11">
        <v>1387223648.77</v>
      </c>
      <c r="N13" s="11">
        <v>1403111525.6500001</v>
      </c>
      <c r="O13" s="11">
        <v>16416086937.85</v>
      </c>
      <c r="P13" s="11">
        <v>14721066500</v>
      </c>
    </row>
    <row r="14" spans="1:16" x14ac:dyDescent="0.25">
      <c r="A14" s="2" t="s">
        <v>21</v>
      </c>
      <c r="B14" s="4" t="s">
        <v>567</v>
      </c>
      <c r="C14" s="13">
        <v>1080503809.1800001</v>
      </c>
      <c r="D14" s="13">
        <v>1112901173.49</v>
      </c>
      <c r="E14" s="13">
        <v>1143147733.72</v>
      </c>
      <c r="F14" s="13">
        <v>1134142541.0999999</v>
      </c>
      <c r="G14" s="13">
        <v>1131411370.9300001</v>
      </c>
      <c r="H14" s="13">
        <v>1156348986.78</v>
      </c>
      <c r="I14" s="13">
        <v>1131724091.3</v>
      </c>
      <c r="J14" s="13">
        <v>1006713066.54</v>
      </c>
      <c r="K14" s="13">
        <v>1151128906.28</v>
      </c>
      <c r="L14" s="13">
        <v>1155542669.6099999</v>
      </c>
      <c r="M14" s="13">
        <v>1161400061.4000001</v>
      </c>
      <c r="N14" s="13">
        <v>1189251102.3299999</v>
      </c>
      <c r="O14" s="13">
        <v>13554215512.66</v>
      </c>
      <c r="P14" s="13">
        <v>12111311000</v>
      </c>
    </row>
    <row r="15" spans="1:16" x14ac:dyDescent="0.25">
      <c r="A15" s="2" t="s">
        <v>23</v>
      </c>
      <c r="B15" s="4" t="s">
        <v>568</v>
      </c>
      <c r="C15" s="13">
        <v>36690859.969999999</v>
      </c>
      <c r="D15" s="13">
        <v>32052624.219999999</v>
      </c>
      <c r="E15" s="13">
        <v>27673078.5</v>
      </c>
      <c r="F15" s="13">
        <v>21699287.940000001</v>
      </c>
      <c r="G15" s="13">
        <v>16923334.510000002</v>
      </c>
      <c r="H15" s="13">
        <v>58941543.219999999</v>
      </c>
      <c r="I15" s="13">
        <v>428681696</v>
      </c>
      <c r="J15" s="13">
        <v>52700293.950000003</v>
      </c>
      <c r="K15" s="13">
        <v>88375617.459999993</v>
      </c>
      <c r="L15" s="13">
        <v>58559695.039999999</v>
      </c>
      <c r="M15" s="13">
        <v>66232339.939999998</v>
      </c>
      <c r="N15" s="13">
        <v>34390010.75</v>
      </c>
      <c r="O15" s="13">
        <v>922920381.5</v>
      </c>
      <c r="P15" s="13">
        <v>925275000</v>
      </c>
    </row>
    <row r="16" spans="1:16" x14ac:dyDescent="0.25">
      <c r="A16" s="2" t="s">
        <v>25</v>
      </c>
      <c r="B16" s="4" t="s">
        <v>569</v>
      </c>
      <c r="C16" s="13">
        <v>41060839.869999997</v>
      </c>
      <c r="D16" s="13">
        <v>50431976.460000001</v>
      </c>
      <c r="E16" s="13">
        <v>25076346.52</v>
      </c>
      <c r="F16" s="13">
        <v>37422112.810000002</v>
      </c>
      <c r="G16" s="13">
        <v>34132796.75</v>
      </c>
      <c r="H16" s="13">
        <v>44873165.219999999</v>
      </c>
      <c r="I16" s="13">
        <v>25711937.93</v>
      </c>
      <c r="J16" s="13">
        <v>26617213.280000001</v>
      </c>
      <c r="K16" s="13">
        <v>41644319.149999999</v>
      </c>
      <c r="L16" s="13">
        <v>25446410.350000001</v>
      </c>
      <c r="M16" s="13">
        <v>31099437.370000001</v>
      </c>
      <c r="N16" s="13">
        <v>34524087.210000001</v>
      </c>
      <c r="O16" s="13">
        <v>418040642.92000002</v>
      </c>
      <c r="P16" s="13">
        <v>295720100</v>
      </c>
    </row>
    <row r="17" spans="1:16" x14ac:dyDescent="0.25">
      <c r="A17" s="2" t="s">
        <v>27</v>
      </c>
      <c r="B17" s="4" t="s">
        <v>570</v>
      </c>
      <c r="C17" s="13">
        <v>78346508.519999996</v>
      </c>
      <c r="D17" s="13">
        <v>88789202.590000004</v>
      </c>
      <c r="E17" s="13">
        <v>82665763.930000007</v>
      </c>
      <c r="F17" s="13">
        <v>78296675.209999993</v>
      </c>
      <c r="G17" s="13">
        <v>91490013.670000002</v>
      </c>
      <c r="H17" s="13">
        <v>179759517.63999999</v>
      </c>
      <c r="I17" s="13">
        <v>54929590.729999997</v>
      </c>
      <c r="J17" s="13">
        <v>91061238.870000005</v>
      </c>
      <c r="K17" s="13">
        <v>100137332.90000001</v>
      </c>
      <c r="L17" s="13">
        <v>101563998.75</v>
      </c>
      <c r="M17" s="13">
        <v>97016055.120000005</v>
      </c>
      <c r="N17" s="13">
        <v>112100301.84</v>
      </c>
      <c r="O17" s="13">
        <v>1156156199.77</v>
      </c>
      <c r="P17" s="13">
        <v>1031230000</v>
      </c>
    </row>
    <row r="18" spans="1:16" x14ac:dyDescent="0.25">
      <c r="A18" s="2" t="s">
        <v>29</v>
      </c>
      <c r="B18" s="4" t="s">
        <v>571</v>
      </c>
      <c r="C18" s="13">
        <v>31342630.010000002</v>
      </c>
      <c r="D18" s="13">
        <v>42473029.07</v>
      </c>
      <c r="E18" s="13">
        <v>31978244.149999999</v>
      </c>
      <c r="F18" s="13">
        <v>31187611.140000001</v>
      </c>
      <c r="G18" s="13">
        <v>29363293.239999998</v>
      </c>
      <c r="H18" s="13">
        <v>24996540.18</v>
      </c>
      <c r="I18" s="13">
        <v>24386707.149999999</v>
      </c>
      <c r="J18" s="13">
        <v>22120363.48</v>
      </c>
      <c r="K18" s="13">
        <v>24725793.16</v>
      </c>
      <c r="L18" s="13">
        <v>37858210.960000001</v>
      </c>
      <c r="M18" s="13">
        <v>31475754.940000001</v>
      </c>
      <c r="N18" s="13">
        <v>32846023.52</v>
      </c>
      <c r="O18" s="13">
        <v>364754201</v>
      </c>
      <c r="P18" s="13">
        <v>357530400</v>
      </c>
    </row>
    <row r="19" spans="1:16" x14ac:dyDescent="0.25">
      <c r="A19" s="2" t="s">
        <v>31</v>
      </c>
      <c r="B19" s="4" t="s">
        <v>572</v>
      </c>
      <c r="C19" s="13">
        <v>88042542.920000002</v>
      </c>
      <c r="D19" s="13">
        <v>70941212.609999999</v>
      </c>
      <c r="E19" s="13">
        <v>79542397.719999999</v>
      </c>
      <c r="F19" s="13">
        <v>77173900.829999998</v>
      </c>
      <c r="G19" s="13">
        <v>105316811.59</v>
      </c>
      <c r="H19" s="13">
        <v>154495905.25999999</v>
      </c>
      <c r="I19" s="13">
        <v>85075242.430000007</v>
      </c>
      <c r="J19" s="13">
        <v>96416049.230000004</v>
      </c>
      <c r="K19" s="13">
        <v>102704649.63</v>
      </c>
      <c r="L19" s="13">
        <v>92642399</v>
      </c>
      <c r="M19" s="13">
        <v>94934819.549999997</v>
      </c>
      <c r="N19" s="13">
        <v>97631305.939999998</v>
      </c>
      <c r="O19" s="13">
        <v>1144917236.71</v>
      </c>
      <c r="P19" s="13">
        <v>712627100</v>
      </c>
    </row>
    <row r="20" spans="1:16" x14ac:dyDescent="0.25">
      <c r="A20" s="3" t="s">
        <v>33</v>
      </c>
      <c r="B20" s="5" t="s">
        <v>573</v>
      </c>
      <c r="C20" s="11">
        <v>27956252.469999999</v>
      </c>
      <c r="D20" s="11">
        <v>20269441.75</v>
      </c>
      <c r="E20" s="11">
        <v>20571118.239999998</v>
      </c>
      <c r="F20" s="11">
        <v>23757917.609999999</v>
      </c>
      <c r="G20" s="11">
        <v>40582503.189999998</v>
      </c>
      <c r="H20" s="11">
        <v>61858774.899999999</v>
      </c>
      <c r="I20" s="11">
        <v>52309066.439999998</v>
      </c>
      <c r="J20" s="11">
        <v>47183977.740000002</v>
      </c>
      <c r="K20" s="11">
        <v>54430877.93</v>
      </c>
      <c r="L20" s="11">
        <v>59961580</v>
      </c>
      <c r="M20" s="11">
        <v>81939769.890000001</v>
      </c>
      <c r="N20" s="11">
        <v>66581986.530000001</v>
      </c>
      <c r="O20" s="11">
        <v>557403266.69000006</v>
      </c>
      <c r="P20" s="11">
        <v>151263100</v>
      </c>
    </row>
    <row r="21" spans="1:16" x14ac:dyDescent="0.25">
      <c r="A21" s="2" t="s">
        <v>35</v>
      </c>
      <c r="B21" s="4" t="s">
        <v>574</v>
      </c>
      <c r="C21" s="13">
        <v>13140698.75</v>
      </c>
      <c r="D21" s="13">
        <v>16871631.129999999</v>
      </c>
      <c r="E21" s="13">
        <v>18948950.079999998</v>
      </c>
      <c r="F21" s="13">
        <v>22102115.379999999</v>
      </c>
      <c r="G21" s="13">
        <v>29100054.649999999</v>
      </c>
      <c r="H21" s="13">
        <v>36937688.409999996</v>
      </c>
      <c r="I21" s="13">
        <v>37716958.450000003</v>
      </c>
      <c r="J21" s="13">
        <v>41329261.140000001</v>
      </c>
      <c r="K21" s="13">
        <v>52592015.240000002</v>
      </c>
      <c r="L21" s="13">
        <v>46877192.979999997</v>
      </c>
      <c r="M21" s="13">
        <v>62812215.770000003</v>
      </c>
      <c r="N21" s="13">
        <v>62024100.310000002</v>
      </c>
      <c r="O21" s="13">
        <v>440452882.29000002</v>
      </c>
      <c r="P21" s="13">
        <v>75815400</v>
      </c>
    </row>
    <row r="22" spans="1:16" x14ac:dyDescent="0.25">
      <c r="A22" s="2" t="s">
        <v>37</v>
      </c>
      <c r="B22" s="4" t="s">
        <v>575</v>
      </c>
      <c r="C22" s="13">
        <v>14815553.720000001</v>
      </c>
      <c r="D22" s="13">
        <v>3397810.62</v>
      </c>
      <c r="E22" s="13">
        <v>1622168.16</v>
      </c>
      <c r="F22" s="13">
        <v>1655802.23</v>
      </c>
      <c r="G22" s="13">
        <v>11482448.539999999</v>
      </c>
      <c r="H22" s="13">
        <v>24921086.489999998</v>
      </c>
      <c r="I22" s="13">
        <v>14592107.99</v>
      </c>
      <c r="J22" s="13">
        <v>5854716.5999999996</v>
      </c>
      <c r="K22" s="13">
        <v>1838862.69</v>
      </c>
      <c r="L22" s="13">
        <v>13084387.02</v>
      </c>
      <c r="M22" s="13">
        <v>19127554.120000001</v>
      </c>
      <c r="N22" s="13">
        <v>4557886.22</v>
      </c>
      <c r="O22" s="13">
        <v>116950384.40000001</v>
      </c>
      <c r="P22" s="13">
        <v>75447700</v>
      </c>
    </row>
    <row r="23" spans="1:16" x14ac:dyDescent="0.25">
      <c r="A23" s="2" t="s">
        <v>39</v>
      </c>
      <c r="B23" s="4" t="s">
        <v>576</v>
      </c>
      <c r="C23" s="13">
        <v>0</v>
      </c>
      <c r="D23" s="13">
        <v>0</v>
      </c>
      <c r="E23" s="13">
        <v>0</v>
      </c>
      <c r="F23" s="13">
        <v>0</v>
      </c>
      <c r="G23" s="13">
        <v>0</v>
      </c>
      <c r="H23" s="13">
        <v>0</v>
      </c>
      <c r="I23" s="13">
        <v>0</v>
      </c>
      <c r="J23" s="13">
        <v>0</v>
      </c>
      <c r="K23" s="13">
        <v>0</v>
      </c>
      <c r="L23" s="13">
        <v>0</v>
      </c>
      <c r="M23" s="13">
        <v>0</v>
      </c>
      <c r="N23" s="13">
        <v>0</v>
      </c>
      <c r="O23" s="13">
        <v>0</v>
      </c>
      <c r="P23" s="13">
        <v>0</v>
      </c>
    </row>
    <row r="24" spans="1:16" x14ac:dyDescent="0.25">
      <c r="A24" s="2" t="s">
        <v>41</v>
      </c>
      <c r="B24" s="4" t="s">
        <v>577</v>
      </c>
      <c r="C24" s="13">
        <v>0</v>
      </c>
      <c r="D24" s="13">
        <v>0</v>
      </c>
      <c r="E24" s="13">
        <v>0</v>
      </c>
      <c r="F24" s="13">
        <v>0</v>
      </c>
      <c r="G24" s="13">
        <v>0</v>
      </c>
      <c r="H24" s="13">
        <v>0</v>
      </c>
      <c r="I24" s="13">
        <v>0</v>
      </c>
      <c r="J24" s="13">
        <v>0</v>
      </c>
      <c r="K24" s="13">
        <v>0</v>
      </c>
      <c r="L24" s="13">
        <v>0</v>
      </c>
      <c r="M24" s="13">
        <v>0</v>
      </c>
      <c r="N24" s="13">
        <v>0</v>
      </c>
      <c r="O24" s="13">
        <v>0</v>
      </c>
      <c r="P24" s="13">
        <v>0</v>
      </c>
    </row>
    <row r="25" spans="1:16" x14ac:dyDescent="0.25">
      <c r="A25" s="2" t="s">
        <v>43</v>
      </c>
      <c r="B25" s="4" t="s">
        <v>578</v>
      </c>
      <c r="C25" s="13">
        <v>75275136.459999993</v>
      </c>
      <c r="D25" s="13">
        <v>89938714.980000004</v>
      </c>
      <c r="E25" s="13">
        <v>85661765.019999996</v>
      </c>
      <c r="F25" s="13">
        <v>68767707.730000004</v>
      </c>
      <c r="G25" s="13">
        <v>65501513.93</v>
      </c>
      <c r="H25" s="13">
        <v>90547412.450000003</v>
      </c>
      <c r="I25" s="13">
        <v>57484275.280000001</v>
      </c>
      <c r="J25" s="13">
        <v>48814080.979999997</v>
      </c>
      <c r="K25" s="13">
        <v>51562848.399999999</v>
      </c>
      <c r="L25" s="13">
        <v>53110076.200000003</v>
      </c>
      <c r="M25" s="13">
        <v>61674218.590000004</v>
      </c>
      <c r="N25" s="13">
        <v>165528520.06999999</v>
      </c>
      <c r="O25" s="13">
        <v>913866270.09000003</v>
      </c>
      <c r="P25" s="13">
        <v>703555505</v>
      </c>
    </row>
    <row r="26" spans="1:16" x14ac:dyDescent="0.25">
      <c r="A26" s="3" t="s">
        <v>45</v>
      </c>
      <c r="B26" s="5" t="s">
        <v>579</v>
      </c>
      <c r="C26" s="11">
        <v>443213482.18000001</v>
      </c>
      <c r="D26" s="11">
        <v>509932944.60000002</v>
      </c>
      <c r="E26" s="11">
        <v>450637588.08999997</v>
      </c>
      <c r="F26" s="11">
        <v>473875072.01999998</v>
      </c>
      <c r="G26" s="11">
        <v>524032806.13</v>
      </c>
      <c r="H26" s="11">
        <v>528529462.75</v>
      </c>
      <c r="I26" s="11">
        <v>561573383.98000002</v>
      </c>
      <c r="J26" s="11">
        <v>521298807.80000001</v>
      </c>
      <c r="K26" s="11">
        <v>541472404.88</v>
      </c>
      <c r="L26" s="11">
        <v>531062126.56</v>
      </c>
      <c r="M26" s="11">
        <v>678847935.97000003</v>
      </c>
      <c r="N26" s="11">
        <v>573286987.32000005</v>
      </c>
      <c r="O26" s="11">
        <v>6337763002.2799997</v>
      </c>
      <c r="P26" s="11">
        <v>5500665600</v>
      </c>
    </row>
    <row r="27" spans="1:16" x14ac:dyDescent="0.25">
      <c r="A27" s="2" t="s">
        <v>47</v>
      </c>
      <c r="B27" s="4" t="s">
        <v>580</v>
      </c>
      <c r="C27" s="13">
        <v>117626438.77</v>
      </c>
      <c r="D27" s="13">
        <v>148266074.22999999</v>
      </c>
      <c r="E27" s="13">
        <v>115756549.94</v>
      </c>
      <c r="F27" s="13">
        <v>128818796.88</v>
      </c>
      <c r="G27" s="13">
        <v>169184251.15000001</v>
      </c>
      <c r="H27" s="13">
        <v>175266482</v>
      </c>
      <c r="I27" s="13">
        <v>175145447.53</v>
      </c>
      <c r="J27" s="13">
        <v>240812886.21000001</v>
      </c>
      <c r="K27" s="13">
        <v>138956557.59999999</v>
      </c>
      <c r="L27" s="13">
        <v>172218803.72</v>
      </c>
      <c r="M27" s="13">
        <v>190398569.66999999</v>
      </c>
      <c r="N27" s="13">
        <v>178904155.38</v>
      </c>
      <c r="O27" s="13">
        <v>1951355013.0799999</v>
      </c>
      <c r="P27" s="13">
        <v>1323420200</v>
      </c>
    </row>
    <row r="28" spans="1:16" x14ac:dyDescent="0.25">
      <c r="A28" s="2" t="s">
        <v>49</v>
      </c>
      <c r="B28" s="4" t="s">
        <v>581</v>
      </c>
      <c r="C28" s="13">
        <v>0</v>
      </c>
      <c r="D28" s="13">
        <v>0</v>
      </c>
      <c r="E28" s="13">
        <v>0</v>
      </c>
      <c r="F28" s="13">
        <v>0</v>
      </c>
      <c r="G28" s="13">
        <v>0</v>
      </c>
      <c r="H28" s="13">
        <v>0</v>
      </c>
      <c r="I28" s="13">
        <v>0</v>
      </c>
      <c r="J28" s="13">
        <v>0</v>
      </c>
      <c r="K28" s="13">
        <v>0</v>
      </c>
      <c r="L28" s="13">
        <v>0</v>
      </c>
      <c r="M28" s="13">
        <v>0</v>
      </c>
      <c r="N28" s="13">
        <v>0</v>
      </c>
      <c r="O28" s="13">
        <v>0</v>
      </c>
      <c r="P28" s="13">
        <v>0</v>
      </c>
    </row>
    <row r="29" spans="1:16" x14ac:dyDescent="0.25">
      <c r="A29" s="2" t="s">
        <v>51</v>
      </c>
      <c r="B29" s="4" t="s">
        <v>582</v>
      </c>
      <c r="C29" s="13">
        <v>12336383.859999999</v>
      </c>
      <c r="D29" s="13">
        <v>10373852.15</v>
      </c>
      <c r="E29" s="13">
        <v>12343223.02</v>
      </c>
      <c r="F29" s="13">
        <v>12705074.34</v>
      </c>
      <c r="G29" s="13">
        <v>12171275.41</v>
      </c>
      <c r="H29" s="13">
        <v>12443345.560000001</v>
      </c>
      <c r="I29" s="13">
        <v>12022904.18</v>
      </c>
      <c r="J29" s="13">
        <v>10750422.25</v>
      </c>
      <c r="K29" s="13">
        <v>12179121.6</v>
      </c>
      <c r="L29" s="13">
        <v>12386519.9</v>
      </c>
      <c r="M29" s="13">
        <v>6585142.1299999999</v>
      </c>
      <c r="N29" s="13">
        <v>9290901</v>
      </c>
      <c r="O29" s="13">
        <v>135588165.40000001</v>
      </c>
      <c r="P29" s="13">
        <v>114800900</v>
      </c>
    </row>
    <row r="30" spans="1:16" x14ac:dyDescent="0.25">
      <c r="A30" s="2" t="s">
        <v>53</v>
      </c>
      <c r="B30" s="4" t="s">
        <v>583</v>
      </c>
      <c r="C30" s="13">
        <v>105956480.01000001</v>
      </c>
      <c r="D30" s="13">
        <v>124453228.27</v>
      </c>
      <c r="E30" s="13">
        <v>107860396.22</v>
      </c>
      <c r="F30" s="13">
        <v>119072335.93000001</v>
      </c>
      <c r="G30" s="13">
        <v>132401227.55</v>
      </c>
      <c r="H30" s="13">
        <v>127460971.09999999</v>
      </c>
      <c r="I30" s="13">
        <v>134574353.75</v>
      </c>
      <c r="J30" s="13">
        <v>127884899.06</v>
      </c>
      <c r="K30" s="13">
        <v>135941721.13</v>
      </c>
      <c r="L30" s="13">
        <v>128894963.18000001</v>
      </c>
      <c r="M30" s="13">
        <v>134364951.5</v>
      </c>
      <c r="N30" s="13">
        <v>123426291.22</v>
      </c>
      <c r="O30" s="13">
        <v>1502291818.9200001</v>
      </c>
      <c r="P30" s="13">
        <v>1252844900</v>
      </c>
    </row>
    <row r="31" spans="1:16" x14ac:dyDescent="0.25">
      <c r="A31" s="2" t="s">
        <v>55</v>
      </c>
      <c r="B31" s="4" t="s">
        <v>584</v>
      </c>
      <c r="C31" s="13">
        <v>207294179.53999999</v>
      </c>
      <c r="D31" s="13">
        <v>226839789.94999999</v>
      </c>
      <c r="E31" s="13">
        <v>214677418.91</v>
      </c>
      <c r="F31" s="13">
        <v>213278864.87</v>
      </c>
      <c r="G31" s="13">
        <v>210276052.02000001</v>
      </c>
      <c r="H31" s="13">
        <v>213358664.09</v>
      </c>
      <c r="I31" s="13">
        <v>239830678.52000001</v>
      </c>
      <c r="J31" s="13">
        <v>141850600.28</v>
      </c>
      <c r="K31" s="13">
        <v>254395004.55000001</v>
      </c>
      <c r="L31" s="13">
        <v>217561839.75999999</v>
      </c>
      <c r="M31" s="13">
        <v>347499272.67000002</v>
      </c>
      <c r="N31" s="13">
        <v>261665639.72</v>
      </c>
      <c r="O31" s="13">
        <v>2748528004.8800001</v>
      </c>
      <c r="P31" s="13">
        <v>2809599600</v>
      </c>
    </row>
    <row r="32" spans="1:16" x14ac:dyDescent="0.25">
      <c r="A32" s="2" t="s">
        <v>57</v>
      </c>
      <c r="B32" s="4" t="s">
        <v>585</v>
      </c>
      <c r="C32" s="13">
        <v>7720685.96</v>
      </c>
      <c r="D32" s="13">
        <v>13439406.67</v>
      </c>
      <c r="E32" s="13">
        <v>10543702.16</v>
      </c>
      <c r="F32" s="13">
        <v>8638404.7699999996</v>
      </c>
      <c r="G32" s="13">
        <v>11456313.140000001</v>
      </c>
      <c r="H32" s="13">
        <v>44400094.289999999</v>
      </c>
      <c r="I32" s="13">
        <v>9204928.5800000001</v>
      </c>
      <c r="J32" s="13">
        <v>17795016.690000001</v>
      </c>
      <c r="K32" s="13">
        <v>23422381.27</v>
      </c>
      <c r="L32" s="13">
        <v>11262738.359999999</v>
      </c>
      <c r="M32" s="13">
        <v>12762671.289999999</v>
      </c>
      <c r="N32" s="13">
        <v>21862213.149999999</v>
      </c>
      <c r="O32" s="13">
        <v>192508556.33000001</v>
      </c>
      <c r="P32" s="13">
        <v>104302200</v>
      </c>
    </row>
    <row r="33" spans="1:16" x14ac:dyDescent="0.25">
      <c r="A33" s="3" t="s">
        <v>59</v>
      </c>
      <c r="B33" s="5" t="s">
        <v>586</v>
      </c>
      <c r="C33" s="11">
        <v>602175991.23000002</v>
      </c>
      <c r="D33" s="11">
        <v>635203274.19000006</v>
      </c>
      <c r="E33" s="11">
        <v>626171105.15999997</v>
      </c>
      <c r="F33" s="11">
        <v>621002774.88999999</v>
      </c>
      <c r="G33" s="11">
        <v>652385024.53999996</v>
      </c>
      <c r="H33" s="11">
        <v>739646009.05999994</v>
      </c>
      <c r="I33" s="11">
        <v>885999086.00999999</v>
      </c>
      <c r="J33" s="11">
        <v>620258331.01999998</v>
      </c>
      <c r="K33" s="11">
        <v>698049663.24000001</v>
      </c>
      <c r="L33" s="11">
        <v>672071289.79999995</v>
      </c>
      <c r="M33" s="11">
        <v>658652117.67999995</v>
      </c>
      <c r="N33" s="11">
        <v>710033814.73000002</v>
      </c>
      <c r="O33" s="11">
        <v>8121648481.5500002</v>
      </c>
      <c r="P33" s="11">
        <v>6914663900</v>
      </c>
    </row>
    <row r="34" spans="1:16" x14ac:dyDescent="0.25">
      <c r="A34" s="2" t="s">
        <v>61</v>
      </c>
      <c r="B34" s="4" t="s">
        <v>587</v>
      </c>
      <c r="C34" s="13">
        <v>314473189.69</v>
      </c>
      <c r="D34" s="13">
        <v>352415436.54000002</v>
      </c>
      <c r="E34" s="13">
        <v>341974381.80000001</v>
      </c>
      <c r="F34" s="13">
        <v>335906886.67000002</v>
      </c>
      <c r="G34" s="13">
        <v>332860643.89999998</v>
      </c>
      <c r="H34" s="13">
        <v>359286652.52999997</v>
      </c>
      <c r="I34" s="13">
        <v>546387638.61000001</v>
      </c>
      <c r="J34" s="13">
        <v>311986600.94</v>
      </c>
      <c r="K34" s="13">
        <v>374037167.35000002</v>
      </c>
      <c r="L34" s="13">
        <v>358692055.38</v>
      </c>
      <c r="M34" s="13">
        <v>337130649.99000001</v>
      </c>
      <c r="N34" s="13">
        <v>385533281.06</v>
      </c>
      <c r="O34" s="13">
        <v>4350684584.46</v>
      </c>
      <c r="P34" s="13">
        <v>3938550500</v>
      </c>
    </row>
    <row r="35" spans="1:16" x14ac:dyDescent="0.25">
      <c r="A35" s="2" t="s">
        <v>63</v>
      </c>
      <c r="B35" s="4" t="s">
        <v>588</v>
      </c>
      <c r="C35" s="13">
        <v>87955314.989999995</v>
      </c>
      <c r="D35" s="13">
        <v>70859203.340000004</v>
      </c>
      <c r="E35" s="13">
        <v>79469363.079999998</v>
      </c>
      <c r="F35" s="13">
        <v>77101978.209999993</v>
      </c>
      <c r="G35" s="13">
        <v>105236483</v>
      </c>
      <c r="H35" s="13">
        <v>154317094.78999999</v>
      </c>
      <c r="I35" s="13">
        <v>84984567.159999996</v>
      </c>
      <c r="J35" s="13">
        <v>96327437.290000007</v>
      </c>
      <c r="K35" s="13">
        <v>97820311.670000002</v>
      </c>
      <c r="L35" s="13">
        <v>97327540.200000003</v>
      </c>
      <c r="M35" s="13">
        <v>94789572.200000003</v>
      </c>
      <c r="N35" s="13">
        <v>97583996.730000004</v>
      </c>
      <c r="O35" s="13">
        <v>1143772862.6600001</v>
      </c>
      <c r="P35" s="13">
        <v>712627100</v>
      </c>
    </row>
    <row r="36" spans="1:16" x14ac:dyDescent="0.25">
      <c r="A36" s="2" t="s">
        <v>65</v>
      </c>
      <c r="B36" s="4" t="s">
        <v>589</v>
      </c>
      <c r="C36" s="13">
        <v>87227.93</v>
      </c>
      <c r="D36" s="13">
        <v>114217.26</v>
      </c>
      <c r="E36" s="13">
        <v>73034.64</v>
      </c>
      <c r="F36" s="13">
        <v>71922.62</v>
      </c>
      <c r="G36" s="13">
        <v>80328.59</v>
      </c>
      <c r="H36" s="13">
        <v>178810.47</v>
      </c>
      <c r="I36" s="13">
        <v>90675.27</v>
      </c>
      <c r="J36" s="13">
        <v>88611.94</v>
      </c>
      <c r="K36" s="13">
        <v>4884337.96</v>
      </c>
      <c r="L36" s="13">
        <v>-4685141.2</v>
      </c>
      <c r="M36" s="13">
        <v>145247.35</v>
      </c>
      <c r="N36" s="13">
        <v>539383.69999999995</v>
      </c>
      <c r="O36" s="13">
        <v>1668656.53</v>
      </c>
      <c r="P36" s="13">
        <v>6538400</v>
      </c>
    </row>
    <row r="37" spans="1:16" x14ac:dyDescent="0.25">
      <c r="A37" s="2" t="s">
        <v>67</v>
      </c>
      <c r="B37" s="4" t="s">
        <v>590</v>
      </c>
      <c r="C37" s="13">
        <v>0</v>
      </c>
      <c r="D37" s="13">
        <v>0</v>
      </c>
      <c r="E37" s="13">
        <v>0</v>
      </c>
      <c r="F37" s="13">
        <v>0</v>
      </c>
      <c r="G37" s="13">
        <v>0</v>
      </c>
      <c r="H37" s="13">
        <v>0</v>
      </c>
      <c r="I37" s="13">
        <v>585183.18000000005</v>
      </c>
      <c r="J37" s="13">
        <v>160612.01999999999</v>
      </c>
      <c r="K37" s="13">
        <v>365936.9</v>
      </c>
      <c r="L37" s="13">
        <v>-277279.38</v>
      </c>
      <c r="M37" s="13">
        <v>69667.990000000005</v>
      </c>
      <c r="N37" s="13">
        <v>87276.479999999996</v>
      </c>
      <c r="O37" s="13">
        <v>991397.19</v>
      </c>
      <c r="P37" s="13">
        <v>899000</v>
      </c>
    </row>
    <row r="38" spans="1:16" x14ac:dyDescent="0.25">
      <c r="A38" s="2" t="s">
        <v>69</v>
      </c>
      <c r="B38" s="4" t="s">
        <v>591</v>
      </c>
      <c r="C38" s="13">
        <v>199660258.62</v>
      </c>
      <c r="D38" s="13">
        <v>211814417.05000001</v>
      </c>
      <c r="E38" s="13">
        <v>204654325.63999999</v>
      </c>
      <c r="F38" s="13">
        <v>207921987.38999999</v>
      </c>
      <c r="G38" s="13">
        <v>214207569.05000001</v>
      </c>
      <c r="H38" s="13">
        <v>225863451.27000001</v>
      </c>
      <c r="I38" s="13">
        <v>253951021.78999999</v>
      </c>
      <c r="J38" s="13">
        <v>211695068.83000001</v>
      </c>
      <c r="K38" s="13">
        <v>220941909.36000001</v>
      </c>
      <c r="L38" s="13">
        <v>221014114.80000001</v>
      </c>
      <c r="M38" s="13">
        <v>226516980.15000001</v>
      </c>
      <c r="N38" s="13">
        <v>226289876.75999999</v>
      </c>
      <c r="O38" s="13">
        <v>2624530980.71</v>
      </c>
      <c r="P38" s="13">
        <v>2256048900</v>
      </c>
    </row>
    <row r="39" spans="1:16" x14ac:dyDescent="0.25">
      <c r="A39" s="3" t="s">
        <v>71</v>
      </c>
      <c r="B39" s="5" t="s">
        <v>592</v>
      </c>
      <c r="C39" s="11">
        <v>1307976756.3099999</v>
      </c>
      <c r="D39" s="11">
        <v>1395966452.25</v>
      </c>
      <c r="E39" s="11">
        <v>1331326632.8900001</v>
      </c>
      <c r="F39" s="11">
        <v>1333958456.27</v>
      </c>
      <c r="G39" s="11">
        <v>1397825732.54</v>
      </c>
      <c r="H39" s="11">
        <v>1605105393.6300001</v>
      </c>
      <c r="I39" s="11">
        <v>1545081833.8099999</v>
      </c>
      <c r="J39" s="11">
        <v>1310461777.54</v>
      </c>
      <c r="K39" s="11">
        <v>1481555467.8199999</v>
      </c>
      <c r="L39" s="11">
        <v>1454938615.03</v>
      </c>
      <c r="M39" s="11">
        <v>1658730946.3800001</v>
      </c>
      <c r="N39" s="11">
        <v>1617968723.9300001</v>
      </c>
      <c r="O39" s="11">
        <v>17440896788.400002</v>
      </c>
      <c r="P39" s="11">
        <v>14978816105</v>
      </c>
    </row>
    <row r="40" spans="1:16" x14ac:dyDescent="0.25">
      <c r="A40" s="2" t="s">
        <v>73</v>
      </c>
      <c r="B40" s="4" t="s">
        <v>593</v>
      </c>
      <c r="C40" s="13">
        <v>590454</v>
      </c>
      <c r="D40" s="13">
        <v>0</v>
      </c>
      <c r="E40" s="13">
        <v>0</v>
      </c>
      <c r="F40" s="13">
        <v>0</v>
      </c>
      <c r="G40" s="13">
        <v>5643795</v>
      </c>
      <c r="H40" s="13">
        <v>690000</v>
      </c>
      <c r="I40" s="13">
        <v>0</v>
      </c>
      <c r="J40" s="13">
        <v>0</v>
      </c>
      <c r="K40" s="13">
        <v>0</v>
      </c>
      <c r="L40" s="13">
        <v>0</v>
      </c>
      <c r="M40" s="13">
        <v>0</v>
      </c>
      <c r="N40" s="13">
        <v>0</v>
      </c>
      <c r="O40" s="13">
        <v>6924249</v>
      </c>
      <c r="P40" s="13">
        <v>0</v>
      </c>
    </row>
    <row r="41" spans="1:16" x14ac:dyDescent="0.25">
      <c r="A41" s="3" t="s">
        <v>75</v>
      </c>
      <c r="B41" s="5" t="s">
        <v>594</v>
      </c>
      <c r="C41" s="11">
        <v>1307386302.3099999</v>
      </c>
      <c r="D41" s="11">
        <v>1395966452.25</v>
      </c>
      <c r="E41" s="11">
        <v>1331326632.8900001</v>
      </c>
      <c r="F41" s="11">
        <v>1333958456.27</v>
      </c>
      <c r="G41" s="11">
        <v>1392181937.54</v>
      </c>
      <c r="H41" s="11">
        <v>1604415393.6300001</v>
      </c>
      <c r="I41" s="11">
        <v>1545081833.8099999</v>
      </c>
      <c r="J41" s="11">
        <v>1310461777.54</v>
      </c>
      <c r="K41" s="11">
        <v>1481555467.8199999</v>
      </c>
      <c r="L41" s="11">
        <v>1454938615.03</v>
      </c>
      <c r="M41" s="11">
        <v>1658730946.3800001</v>
      </c>
      <c r="N41" s="11">
        <v>1617968723.9300001</v>
      </c>
      <c r="O41" s="11">
        <v>17433972539.400002</v>
      </c>
      <c r="P41" s="11">
        <v>14978816105</v>
      </c>
    </row>
    <row r="42" spans="1:16" x14ac:dyDescent="0.25">
      <c r="A42" s="2" t="s">
        <v>77</v>
      </c>
      <c r="B42" s="4" t="s">
        <v>595</v>
      </c>
      <c r="C42" s="13">
        <v>-1590454</v>
      </c>
      <c r="D42" s="13">
        <v>12000000</v>
      </c>
      <c r="E42" s="13">
        <v>0</v>
      </c>
      <c r="F42" s="13">
        <v>7970795</v>
      </c>
      <c r="G42" s="13">
        <v>-7970795</v>
      </c>
      <c r="H42" s="13">
        <v>0</v>
      </c>
      <c r="I42" s="13">
        <v>0</v>
      </c>
      <c r="J42" s="13">
        <v>0</v>
      </c>
      <c r="K42" s="13">
        <v>0</v>
      </c>
      <c r="L42" s="13">
        <v>0</v>
      </c>
      <c r="M42" s="13">
        <v>0</v>
      </c>
      <c r="N42" s="13">
        <v>0</v>
      </c>
      <c r="O42" s="13">
        <v>10409546</v>
      </c>
      <c r="P42" s="13">
        <v>0</v>
      </c>
    </row>
    <row r="43" spans="1:16" x14ac:dyDescent="0.25">
      <c r="A43" s="3" t="s">
        <v>79</v>
      </c>
      <c r="B43" s="5" t="s">
        <v>596</v>
      </c>
      <c r="C43" s="11">
        <v>1308976756.3099999</v>
      </c>
      <c r="D43" s="11">
        <v>1383966452.25</v>
      </c>
      <c r="E43" s="11">
        <v>1331326632.8900001</v>
      </c>
      <c r="F43" s="11">
        <v>1325987661.27</v>
      </c>
      <c r="G43" s="11">
        <v>1400152732.54</v>
      </c>
      <c r="H43" s="11">
        <v>1604415393.6300001</v>
      </c>
      <c r="I43" s="11">
        <v>1545081833.8099999</v>
      </c>
      <c r="J43" s="11">
        <v>1310461777.54</v>
      </c>
      <c r="K43" s="11">
        <v>1481555467.8199999</v>
      </c>
      <c r="L43" s="11">
        <v>1454938615.03</v>
      </c>
      <c r="M43" s="11">
        <v>1658730946.3800001</v>
      </c>
      <c r="N43" s="11">
        <v>1617968723.9300001</v>
      </c>
      <c r="O43" s="11">
        <v>17423562993.400002</v>
      </c>
      <c r="P43" s="11">
        <v>14978816105</v>
      </c>
    </row>
  </sheetData>
  <mergeCells count="11">
    <mergeCell ref="A9:P9"/>
    <mergeCell ref="A10:A11"/>
    <mergeCell ref="B10:B11"/>
    <mergeCell ref="C10:N10"/>
    <mergeCell ref="O10:O11"/>
    <mergeCell ref="P10:P11"/>
    <mergeCell ref="A3:P3"/>
    <mergeCell ref="A4:P4"/>
    <mergeCell ref="A5:P5"/>
    <mergeCell ref="A6:P6"/>
    <mergeCell ref="A7:P7"/>
  </mergeCell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Q178"/>
  <sheetViews>
    <sheetView showGridLines="0" workbookViewId="0"/>
  </sheetViews>
  <sheetFormatPr defaultRowHeight="15" x14ac:dyDescent="0.25"/>
  <cols>
    <col min="1" max="1" width="3.7109375" bestFit="1" customWidth="1"/>
    <col min="2" max="2" width="55.28515625" bestFit="1" customWidth="1"/>
    <col min="3" max="6" width="19" bestFit="1" customWidth="1"/>
    <col min="7" max="7" width="5.85546875" bestFit="1" customWidth="1"/>
  </cols>
  <sheetData>
    <row r="3" spans="1:17" x14ac:dyDescent="0.25">
      <c r="A3" s="6" t="s">
        <v>0</v>
      </c>
      <c r="B3" s="7"/>
      <c r="C3" s="7"/>
      <c r="D3" s="7"/>
      <c r="E3" s="7"/>
      <c r="F3" s="7"/>
      <c r="G3" s="7"/>
    </row>
    <row r="4" spans="1:17" x14ac:dyDescent="0.25">
      <c r="A4" s="6" t="s">
        <v>1</v>
      </c>
      <c r="B4" s="7"/>
      <c r="C4" s="7"/>
      <c r="D4" s="7"/>
      <c r="E4" s="7"/>
      <c r="F4" s="7"/>
      <c r="G4" s="7"/>
    </row>
    <row r="5" spans="1:17" x14ac:dyDescent="0.25">
      <c r="A5" s="8" t="s">
        <v>597</v>
      </c>
      <c r="B5" s="7"/>
      <c r="C5" s="7"/>
      <c r="D5" s="7"/>
      <c r="E5" s="7"/>
      <c r="F5" s="7"/>
      <c r="G5" s="7"/>
    </row>
    <row r="6" spans="1:17" x14ac:dyDescent="0.25">
      <c r="A6" s="6" t="s">
        <v>3</v>
      </c>
      <c r="B6" s="7"/>
      <c r="C6" s="7"/>
      <c r="D6" s="7"/>
      <c r="E6" s="7"/>
      <c r="F6" s="7"/>
      <c r="G6" s="7"/>
    </row>
    <row r="7" spans="1:17" x14ac:dyDescent="0.25">
      <c r="A7" s="6" t="s">
        <v>4</v>
      </c>
      <c r="B7" s="7"/>
      <c r="C7" s="7"/>
      <c r="D7" s="7"/>
      <c r="E7" s="7"/>
      <c r="F7" s="7"/>
      <c r="G7" s="7"/>
    </row>
    <row r="9" spans="1:17" x14ac:dyDescent="0.25">
      <c r="A9" s="9" t="s">
        <v>598</v>
      </c>
      <c r="B9" s="7"/>
      <c r="C9" s="7"/>
      <c r="D9" s="7"/>
      <c r="E9" s="7"/>
      <c r="F9" s="7"/>
      <c r="G9" s="7"/>
    </row>
    <row r="10" spans="1:17" x14ac:dyDescent="0.25">
      <c r="A10" s="10" t="s">
        <v>6</v>
      </c>
      <c r="B10" s="10" t="s">
        <v>599</v>
      </c>
      <c r="C10" s="10" t="s">
        <v>10</v>
      </c>
      <c r="D10" s="10" t="s">
        <v>600</v>
      </c>
    </row>
    <row r="11" spans="1:17" x14ac:dyDescent="0.25">
      <c r="A11" s="10" t="s">
        <v>7</v>
      </c>
      <c r="B11" s="10" t="s">
        <v>7</v>
      </c>
      <c r="C11" s="10" t="s">
        <v>7</v>
      </c>
      <c r="D11" s="10" t="s">
        <v>7</v>
      </c>
    </row>
    <row r="12" spans="1:17" x14ac:dyDescent="0.25">
      <c r="A12" s="3" t="s">
        <v>17</v>
      </c>
      <c r="B12" s="5" t="s">
        <v>601</v>
      </c>
      <c r="C12" s="11">
        <v>2580648200</v>
      </c>
      <c r="D12" s="11">
        <v>1545890634.3</v>
      </c>
      <c r="E12" s="12"/>
      <c r="F12" s="12"/>
      <c r="G12" s="12"/>
      <c r="H12" s="12"/>
      <c r="I12" s="12"/>
      <c r="J12" s="12"/>
      <c r="K12" s="12"/>
      <c r="L12" s="12"/>
      <c r="M12" s="12"/>
      <c r="N12" s="12"/>
      <c r="O12" s="12"/>
      <c r="P12" s="12"/>
      <c r="Q12" s="12"/>
    </row>
    <row r="13" spans="1:17" x14ac:dyDescent="0.25">
      <c r="A13" s="3" t="s">
        <v>19</v>
      </c>
      <c r="B13" s="5" t="s">
        <v>602</v>
      </c>
      <c r="C13" s="11">
        <v>644053500</v>
      </c>
      <c r="D13" s="11">
        <v>500685266.99000001</v>
      </c>
      <c r="E13" s="12"/>
      <c r="F13" s="12"/>
      <c r="G13" s="12"/>
      <c r="H13" s="12"/>
      <c r="I13" s="12"/>
      <c r="J13" s="12"/>
      <c r="K13" s="12"/>
      <c r="L13" s="12"/>
      <c r="M13" s="12"/>
      <c r="N13" s="12"/>
      <c r="O13" s="12"/>
      <c r="P13" s="12"/>
      <c r="Q13" s="12"/>
    </row>
    <row r="14" spans="1:17" x14ac:dyDescent="0.25">
      <c r="A14" s="2" t="s">
        <v>21</v>
      </c>
      <c r="B14" s="4" t="s">
        <v>603</v>
      </c>
      <c r="C14" s="13">
        <v>319525800</v>
      </c>
      <c r="D14" s="13">
        <v>215457098.61000001</v>
      </c>
      <c r="E14" s="12"/>
      <c r="F14" s="12"/>
      <c r="G14" s="12"/>
      <c r="H14" s="12"/>
      <c r="I14" s="12"/>
      <c r="J14" s="12"/>
      <c r="K14" s="12"/>
      <c r="L14" s="12"/>
      <c r="M14" s="12"/>
      <c r="N14" s="12"/>
      <c r="O14" s="12"/>
      <c r="P14" s="12"/>
      <c r="Q14" s="12"/>
    </row>
    <row r="15" spans="1:17" x14ac:dyDescent="0.25">
      <c r="A15" s="2" t="s">
        <v>23</v>
      </c>
      <c r="B15" s="4" t="s">
        <v>604</v>
      </c>
      <c r="C15" s="13">
        <v>246172500</v>
      </c>
      <c r="D15" s="13">
        <v>251356448.75999999</v>
      </c>
      <c r="E15" s="12"/>
      <c r="F15" s="12"/>
      <c r="G15" s="12"/>
      <c r="H15" s="12"/>
      <c r="I15" s="12"/>
      <c r="J15" s="12"/>
      <c r="K15" s="12"/>
      <c r="L15" s="12"/>
      <c r="M15" s="12"/>
      <c r="N15" s="12"/>
      <c r="O15" s="12"/>
      <c r="P15" s="12"/>
      <c r="Q15" s="12"/>
    </row>
    <row r="16" spans="1:17" x14ac:dyDescent="0.25">
      <c r="A16" s="2" t="s">
        <v>25</v>
      </c>
      <c r="B16" s="4" t="s">
        <v>605</v>
      </c>
      <c r="C16" s="13">
        <v>78355200</v>
      </c>
      <c r="D16" s="13">
        <v>33871719.619999997</v>
      </c>
      <c r="E16" s="12"/>
      <c r="F16" s="12"/>
      <c r="G16" s="12"/>
      <c r="H16" s="12"/>
      <c r="I16" s="12"/>
      <c r="J16" s="12"/>
      <c r="K16" s="12"/>
      <c r="L16" s="12"/>
      <c r="M16" s="12"/>
      <c r="N16" s="12"/>
      <c r="O16" s="12"/>
      <c r="P16" s="12"/>
      <c r="Q16" s="12"/>
    </row>
    <row r="17" spans="1:17" x14ac:dyDescent="0.25">
      <c r="A17" s="3" t="s">
        <v>27</v>
      </c>
      <c r="B17" s="5" t="s">
        <v>606</v>
      </c>
      <c r="C17" s="11">
        <v>1519441800</v>
      </c>
      <c r="D17" s="11">
        <v>1043467330.5599999</v>
      </c>
      <c r="E17" s="12"/>
      <c r="F17" s="12"/>
      <c r="G17" s="12"/>
      <c r="H17" s="12"/>
      <c r="I17" s="12"/>
      <c r="J17" s="12"/>
      <c r="K17" s="12"/>
      <c r="L17" s="12"/>
      <c r="M17" s="12"/>
      <c r="N17" s="12"/>
      <c r="O17" s="12"/>
      <c r="P17" s="12"/>
      <c r="Q17" s="12"/>
    </row>
    <row r="18" spans="1:17" x14ac:dyDescent="0.25">
      <c r="A18" s="2" t="s">
        <v>29</v>
      </c>
      <c r="B18" s="4" t="s">
        <v>603</v>
      </c>
      <c r="C18" s="13">
        <v>978376600</v>
      </c>
      <c r="D18" s="13">
        <v>739907918.15999997</v>
      </c>
      <c r="E18" s="12"/>
      <c r="F18" s="12"/>
      <c r="G18" s="12"/>
      <c r="H18" s="12"/>
      <c r="I18" s="12"/>
      <c r="J18" s="12"/>
      <c r="K18" s="12"/>
      <c r="L18" s="12"/>
      <c r="M18" s="12"/>
      <c r="N18" s="12"/>
      <c r="O18" s="12"/>
      <c r="P18" s="12"/>
      <c r="Q18" s="12"/>
    </row>
    <row r="19" spans="1:17" x14ac:dyDescent="0.25">
      <c r="A19" s="2" t="s">
        <v>31</v>
      </c>
      <c r="B19" s="4" t="s">
        <v>604</v>
      </c>
      <c r="C19" s="13">
        <v>467957000</v>
      </c>
      <c r="D19" s="13">
        <v>259571884.52000001</v>
      </c>
      <c r="E19" s="12"/>
      <c r="F19" s="12"/>
      <c r="G19" s="12"/>
      <c r="H19" s="12"/>
      <c r="I19" s="12"/>
      <c r="J19" s="12"/>
      <c r="K19" s="12"/>
      <c r="L19" s="12"/>
      <c r="M19" s="12"/>
      <c r="N19" s="12"/>
      <c r="O19" s="12"/>
      <c r="P19" s="12"/>
      <c r="Q19" s="12"/>
    </row>
    <row r="20" spans="1:17" x14ac:dyDescent="0.25">
      <c r="A20" s="2" t="s">
        <v>33</v>
      </c>
      <c r="B20" s="4" t="s">
        <v>605</v>
      </c>
      <c r="C20" s="13">
        <v>73108200</v>
      </c>
      <c r="D20" s="13">
        <v>43987527.880000003</v>
      </c>
      <c r="E20" s="12"/>
      <c r="F20" s="12"/>
      <c r="G20" s="12"/>
      <c r="H20" s="12"/>
      <c r="I20" s="12"/>
      <c r="J20" s="12"/>
      <c r="K20" s="12"/>
      <c r="L20" s="12"/>
      <c r="M20" s="12"/>
      <c r="N20" s="12"/>
      <c r="O20" s="12"/>
      <c r="P20" s="12"/>
      <c r="Q20" s="12"/>
    </row>
    <row r="21" spans="1:17" x14ac:dyDescent="0.25">
      <c r="A21" s="3" t="s">
        <v>35</v>
      </c>
      <c r="B21" s="5" t="s">
        <v>607</v>
      </c>
      <c r="C21" s="11">
        <v>899000</v>
      </c>
      <c r="D21" s="11">
        <v>949933.24</v>
      </c>
      <c r="E21" s="12"/>
      <c r="F21" s="12"/>
      <c r="G21" s="12"/>
      <c r="H21" s="12"/>
      <c r="I21" s="12"/>
      <c r="J21" s="12"/>
      <c r="K21" s="12"/>
      <c r="L21" s="12"/>
      <c r="M21" s="12"/>
      <c r="N21" s="12"/>
      <c r="O21" s="12"/>
      <c r="P21" s="12"/>
      <c r="Q21" s="12"/>
    </row>
    <row r="22" spans="1:17" x14ac:dyDescent="0.25">
      <c r="A22" s="2" t="s">
        <v>37</v>
      </c>
      <c r="B22" s="4" t="s">
        <v>608</v>
      </c>
      <c r="C22" s="13">
        <v>0</v>
      </c>
      <c r="D22" s="13">
        <v>0</v>
      </c>
      <c r="E22" s="12"/>
      <c r="F22" s="12"/>
      <c r="G22" s="12"/>
      <c r="H22" s="12"/>
      <c r="I22" s="12"/>
      <c r="J22" s="12"/>
      <c r="K22" s="12"/>
      <c r="L22" s="12"/>
      <c r="M22" s="12"/>
      <c r="N22" s="12"/>
      <c r="O22" s="12"/>
      <c r="P22" s="12"/>
      <c r="Q22" s="12"/>
    </row>
    <row r="23" spans="1:17" x14ac:dyDescent="0.25">
      <c r="A23" s="2" t="s">
        <v>39</v>
      </c>
      <c r="B23" s="4" t="s">
        <v>609</v>
      </c>
      <c r="C23" s="13">
        <v>899000</v>
      </c>
      <c r="D23" s="13">
        <v>949933.24</v>
      </c>
      <c r="E23" s="12"/>
      <c r="F23" s="12"/>
      <c r="G23" s="12"/>
      <c r="H23" s="12"/>
      <c r="I23" s="12"/>
      <c r="J23" s="12"/>
      <c r="K23" s="12"/>
      <c r="L23" s="12"/>
      <c r="M23" s="12"/>
      <c r="N23" s="12"/>
      <c r="O23" s="12"/>
      <c r="P23" s="12"/>
      <c r="Q23" s="12"/>
    </row>
    <row r="24" spans="1:17" x14ac:dyDescent="0.25">
      <c r="A24" s="2" t="s">
        <v>41</v>
      </c>
      <c r="B24" s="4" t="s">
        <v>610</v>
      </c>
      <c r="C24" s="13">
        <v>0</v>
      </c>
      <c r="D24" s="13">
        <v>0</v>
      </c>
      <c r="E24" s="12"/>
      <c r="F24" s="12"/>
      <c r="G24" s="12"/>
      <c r="H24" s="12"/>
      <c r="I24" s="12"/>
      <c r="J24" s="12"/>
      <c r="K24" s="12"/>
      <c r="L24" s="12"/>
      <c r="M24" s="12"/>
      <c r="N24" s="12"/>
      <c r="O24" s="12"/>
      <c r="P24" s="12"/>
      <c r="Q24" s="12"/>
    </row>
    <row r="25" spans="1:17" x14ac:dyDescent="0.25">
      <c r="A25" s="2" t="s">
        <v>43</v>
      </c>
      <c r="B25" s="4" t="s">
        <v>611</v>
      </c>
      <c r="C25" s="13">
        <v>0</v>
      </c>
      <c r="D25" s="13">
        <v>0</v>
      </c>
      <c r="E25" s="12"/>
      <c r="F25" s="12"/>
      <c r="G25" s="12"/>
      <c r="H25" s="12"/>
      <c r="I25" s="12"/>
      <c r="J25" s="12"/>
      <c r="K25" s="12"/>
      <c r="L25" s="12"/>
      <c r="M25" s="12"/>
      <c r="N25" s="12"/>
      <c r="O25" s="12"/>
      <c r="P25" s="12"/>
      <c r="Q25" s="12"/>
    </row>
    <row r="26" spans="1:17" x14ac:dyDescent="0.25">
      <c r="A26" s="3" t="s">
        <v>45</v>
      </c>
      <c r="B26" s="5" t="s">
        <v>612</v>
      </c>
      <c r="C26" s="11">
        <v>416253900</v>
      </c>
      <c r="D26" s="11">
        <v>788103.51</v>
      </c>
      <c r="E26" s="12"/>
      <c r="F26" s="12"/>
      <c r="G26" s="12"/>
      <c r="H26" s="12"/>
      <c r="I26" s="12"/>
      <c r="J26" s="12"/>
      <c r="K26" s="12"/>
      <c r="L26" s="12"/>
      <c r="M26" s="12"/>
      <c r="N26" s="12"/>
      <c r="O26" s="12"/>
      <c r="P26" s="12"/>
      <c r="Q26" s="12"/>
    </row>
    <row r="27" spans="1:17" x14ac:dyDescent="0.25">
      <c r="A27" s="2" t="s">
        <v>47</v>
      </c>
      <c r="B27" s="4" t="s">
        <v>613</v>
      </c>
      <c r="C27" s="13">
        <v>6538400</v>
      </c>
      <c r="D27" s="13">
        <v>492074.49</v>
      </c>
      <c r="E27" s="12"/>
      <c r="F27" s="12"/>
      <c r="G27" s="12"/>
      <c r="H27" s="12"/>
      <c r="I27" s="12"/>
      <c r="J27" s="12"/>
      <c r="K27" s="12"/>
      <c r="L27" s="12"/>
      <c r="M27" s="12"/>
      <c r="N27" s="12"/>
      <c r="O27" s="12"/>
      <c r="P27" s="12"/>
      <c r="Q27" s="12"/>
    </row>
    <row r="28" spans="1:17" x14ac:dyDescent="0.25">
      <c r="A28" s="2" t="s">
        <v>49</v>
      </c>
      <c r="B28" s="4" t="s">
        <v>614</v>
      </c>
      <c r="C28" s="13">
        <v>409715500</v>
      </c>
      <c r="D28" s="13">
        <v>0</v>
      </c>
      <c r="E28" s="12"/>
      <c r="F28" s="12"/>
      <c r="G28" s="12"/>
      <c r="H28" s="12"/>
      <c r="I28" s="12"/>
      <c r="J28" s="12"/>
      <c r="K28" s="12"/>
      <c r="L28" s="12"/>
      <c r="M28" s="12"/>
      <c r="N28" s="12"/>
      <c r="O28" s="12"/>
      <c r="P28" s="12"/>
      <c r="Q28" s="12"/>
    </row>
    <row r="29" spans="1:17" x14ac:dyDescent="0.25">
      <c r="A29" s="2" t="s">
        <v>51</v>
      </c>
      <c r="B29" s="4" t="s">
        <v>615</v>
      </c>
      <c r="C29" s="13">
        <v>0</v>
      </c>
      <c r="D29" s="13">
        <v>296029.02</v>
      </c>
      <c r="E29" s="12"/>
      <c r="F29" s="12"/>
      <c r="G29" s="12"/>
      <c r="H29" s="12"/>
      <c r="I29" s="12"/>
      <c r="J29" s="12"/>
      <c r="K29" s="12"/>
      <c r="L29" s="12"/>
      <c r="M29" s="12"/>
      <c r="N29" s="12"/>
      <c r="O29" s="12"/>
      <c r="P29" s="12"/>
      <c r="Q29" s="12"/>
    </row>
    <row r="30" spans="1:17" x14ac:dyDescent="0.25">
      <c r="A30" s="3" t="s">
        <v>53</v>
      </c>
      <c r="B30" s="5" t="s">
        <v>616</v>
      </c>
      <c r="C30" s="11">
        <v>0</v>
      </c>
      <c r="D30" s="11">
        <v>0</v>
      </c>
      <c r="E30" s="12"/>
      <c r="F30" s="12"/>
      <c r="G30" s="12"/>
      <c r="H30" s="12"/>
      <c r="I30" s="12"/>
      <c r="J30" s="12"/>
      <c r="K30" s="12"/>
      <c r="L30" s="12"/>
      <c r="M30" s="12"/>
      <c r="N30" s="12"/>
      <c r="O30" s="12"/>
      <c r="P30" s="12"/>
      <c r="Q30" s="12"/>
    </row>
    <row r="31" spans="1:17" x14ac:dyDescent="0.25">
      <c r="A31" s="2" t="s">
        <v>55</v>
      </c>
      <c r="B31" s="4" t="s">
        <v>617</v>
      </c>
      <c r="C31" s="13">
        <v>0</v>
      </c>
      <c r="D31" s="13">
        <v>0</v>
      </c>
      <c r="E31" s="12"/>
      <c r="F31" s="12"/>
      <c r="G31" s="12"/>
      <c r="H31" s="12"/>
      <c r="I31" s="12"/>
      <c r="J31" s="12"/>
      <c r="K31" s="12"/>
      <c r="L31" s="12"/>
      <c r="M31" s="12"/>
      <c r="N31" s="12"/>
      <c r="O31" s="12"/>
      <c r="P31" s="12"/>
      <c r="Q31" s="12"/>
    </row>
    <row r="32" spans="1:17" x14ac:dyDescent="0.25">
      <c r="A32" s="2" t="s">
        <v>57</v>
      </c>
      <c r="B32" s="4" t="s">
        <v>618</v>
      </c>
      <c r="C32" s="13">
        <v>0</v>
      </c>
      <c r="D32" s="13">
        <v>0</v>
      </c>
      <c r="E32" s="12"/>
      <c r="F32" s="12"/>
      <c r="G32" s="12"/>
      <c r="H32" s="12"/>
      <c r="I32" s="12"/>
      <c r="J32" s="12"/>
      <c r="K32" s="12"/>
      <c r="L32" s="12"/>
      <c r="M32" s="12"/>
      <c r="N32" s="12"/>
      <c r="O32" s="12"/>
      <c r="P32" s="12"/>
      <c r="Q32" s="12"/>
    </row>
    <row r="33" spans="1:17" x14ac:dyDescent="0.25">
      <c r="A33" s="2" t="s">
        <v>59</v>
      </c>
      <c r="B33" s="4" t="s">
        <v>619</v>
      </c>
      <c r="C33" s="13">
        <v>0</v>
      </c>
      <c r="D33" s="13">
        <v>0</v>
      </c>
      <c r="E33" s="12"/>
      <c r="F33" s="12"/>
      <c r="G33" s="12"/>
      <c r="H33" s="12"/>
      <c r="I33" s="12"/>
      <c r="J33" s="12"/>
      <c r="K33" s="12"/>
      <c r="L33" s="12"/>
      <c r="M33" s="12"/>
      <c r="N33" s="12"/>
      <c r="O33" s="12"/>
      <c r="P33" s="12"/>
      <c r="Q33" s="12"/>
    </row>
    <row r="34" spans="1:17" x14ac:dyDescent="0.25">
      <c r="A34" s="2" t="s">
        <v>61</v>
      </c>
      <c r="B34" s="4" t="s">
        <v>620</v>
      </c>
      <c r="C34" s="13">
        <v>2170932700</v>
      </c>
      <c r="D34" s="13">
        <v>1545890634.3</v>
      </c>
      <c r="E34" s="12"/>
      <c r="F34" s="12"/>
      <c r="G34" s="12"/>
      <c r="H34" s="12"/>
      <c r="I34" s="12"/>
      <c r="J34" s="12"/>
      <c r="K34" s="12"/>
      <c r="L34" s="12"/>
      <c r="M34" s="12"/>
      <c r="N34" s="12"/>
      <c r="O34" s="12"/>
      <c r="P34" s="12"/>
      <c r="Q34" s="12"/>
    </row>
    <row r="35" spans="1:17" x14ac:dyDescent="0.25">
      <c r="C35" s="12"/>
      <c r="D35" s="12"/>
      <c r="E35" s="12"/>
      <c r="F35" s="12"/>
      <c r="G35" s="12"/>
      <c r="H35" s="12"/>
      <c r="I35" s="12"/>
      <c r="J35" s="12"/>
      <c r="K35" s="12"/>
      <c r="L35" s="12"/>
      <c r="M35" s="12"/>
      <c r="N35" s="12"/>
      <c r="O35" s="12"/>
      <c r="P35" s="12"/>
      <c r="Q35" s="12"/>
    </row>
    <row r="36" spans="1:17" x14ac:dyDescent="0.25">
      <c r="A36" s="10" t="s">
        <v>6</v>
      </c>
      <c r="B36" s="10" t="s">
        <v>621</v>
      </c>
      <c r="C36" s="14" t="s">
        <v>622</v>
      </c>
      <c r="D36" s="14" t="s">
        <v>623</v>
      </c>
      <c r="E36" s="14" t="s">
        <v>624</v>
      </c>
      <c r="F36" s="14" t="s">
        <v>625</v>
      </c>
      <c r="G36" s="14" t="s">
        <v>626</v>
      </c>
      <c r="H36" s="12"/>
      <c r="I36" s="12"/>
      <c r="J36" s="12"/>
      <c r="K36" s="12"/>
      <c r="L36" s="12"/>
      <c r="M36" s="12"/>
      <c r="N36" s="12"/>
      <c r="O36" s="12"/>
      <c r="P36" s="12"/>
      <c r="Q36" s="12"/>
    </row>
    <row r="37" spans="1:17" x14ac:dyDescent="0.25">
      <c r="A37" s="10" t="s">
        <v>7</v>
      </c>
      <c r="B37" s="10" t="s">
        <v>7</v>
      </c>
      <c r="C37" s="14" t="s">
        <v>7</v>
      </c>
      <c r="D37" s="14" t="s">
        <v>7</v>
      </c>
      <c r="E37" s="14" t="s">
        <v>7</v>
      </c>
      <c r="F37" s="14" t="s">
        <v>7</v>
      </c>
      <c r="G37" s="14" t="s">
        <v>7</v>
      </c>
      <c r="H37" s="12"/>
      <c r="I37" s="12"/>
      <c r="J37" s="12"/>
      <c r="K37" s="12"/>
      <c r="L37" s="12"/>
      <c r="M37" s="12"/>
      <c r="N37" s="12"/>
      <c r="O37" s="12"/>
      <c r="P37" s="12"/>
      <c r="Q37" s="12"/>
    </row>
    <row r="38" spans="1:17" x14ac:dyDescent="0.25">
      <c r="A38" s="3" t="s">
        <v>63</v>
      </c>
      <c r="B38" s="5" t="s">
        <v>627</v>
      </c>
      <c r="C38" s="11">
        <v>2568759200</v>
      </c>
      <c r="D38" s="11">
        <v>1645439743.3099999</v>
      </c>
      <c r="E38" s="11">
        <v>1639779599.52</v>
      </c>
      <c r="F38" s="11">
        <v>1638175523.8900001</v>
      </c>
      <c r="G38" s="11">
        <v>0</v>
      </c>
      <c r="H38" s="12"/>
      <c r="I38" s="12"/>
      <c r="J38" s="12"/>
      <c r="K38" s="12"/>
      <c r="L38" s="12"/>
      <c r="M38" s="12"/>
      <c r="N38" s="12"/>
      <c r="O38" s="12"/>
      <c r="P38" s="12"/>
      <c r="Q38" s="12"/>
    </row>
    <row r="39" spans="1:17" x14ac:dyDescent="0.25">
      <c r="A39" s="2" t="s">
        <v>65</v>
      </c>
      <c r="B39" s="4" t="s">
        <v>628</v>
      </c>
      <c r="C39" s="13">
        <v>2147456100</v>
      </c>
      <c r="D39" s="13">
        <v>1424229512.8299999</v>
      </c>
      <c r="E39" s="13">
        <v>1419914031.22</v>
      </c>
      <c r="F39" s="13">
        <v>1419172858.49</v>
      </c>
      <c r="G39" s="13">
        <v>0</v>
      </c>
      <c r="H39" s="12"/>
      <c r="I39" s="12"/>
      <c r="J39" s="12"/>
      <c r="K39" s="12"/>
      <c r="L39" s="12"/>
      <c r="M39" s="12"/>
      <c r="N39" s="12"/>
      <c r="O39" s="12"/>
      <c r="P39" s="12"/>
      <c r="Q39" s="12"/>
    </row>
    <row r="40" spans="1:17" x14ac:dyDescent="0.25">
      <c r="A40" s="2" t="s">
        <v>67</v>
      </c>
      <c r="B40" s="4" t="s">
        <v>629</v>
      </c>
      <c r="C40" s="13">
        <v>421303100</v>
      </c>
      <c r="D40" s="13">
        <v>221210230.47999999</v>
      </c>
      <c r="E40" s="13">
        <v>219865568.30000001</v>
      </c>
      <c r="F40" s="13">
        <v>219002665.40000001</v>
      </c>
      <c r="G40" s="13">
        <v>0</v>
      </c>
      <c r="H40" s="12"/>
      <c r="I40" s="12"/>
      <c r="J40" s="12"/>
      <c r="K40" s="12"/>
      <c r="L40" s="12"/>
      <c r="M40" s="12"/>
      <c r="N40" s="12"/>
      <c r="O40" s="12"/>
      <c r="P40" s="12"/>
      <c r="Q40" s="12"/>
    </row>
    <row r="41" spans="1:17" x14ac:dyDescent="0.25">
      <c r="A41" s="3" t="s">
        <v>69</v>
      </c>
      <c r="B41" s="5" t="s">
        <v>630</v>
      </c>
      <c r="C41" s="11">
        <v>11889000</v>
      </c>
      <c r="D41" s="11">
        <v>10977264.92</v>
      </c>
      <c r="E41" s="11">
        <v>10975821.300000001</v>
      </c>
      <c r="F41" s="11">
        <v>10972641.630000001</v>
      </c>
      <c r="G41" s="11">
        <v>0</v>
      </c>
      <c r="H41" s="12"/>
      <c r="I41" s="12"/>
      <c r="J41" s="12"/>
      <c r="K41" s="12"/>
      <c r="L41" s="12"/>
      <c r="M41" s="12"/>
      <c r="N41" s="12"/>
      <c r="O41" s="12"/>
      <c r="P41" s="12"/>
      <c r="Q41" s="12"/>
    </row>
    <row r="42" spans="1:17" x14ac:dyDescent="0.25">
      <c r="A42" s="2" t="s">
        <v>71</v>
      </c>
      <c r="B42" s="4" t="s">
        <v>613</v>
      </c>
      <c r="C42" s="13">
        <v>3825056.21</v>
      </c>
      <c r="D42" s="13">
        <v>3823527.82</v>
      </c>
      <c r="E42" s="13">
        <v>3823527.82</v>
      </c>
      <c r="F42" s="13">
        <v>3823527.82</v>
      </c>
      <c r="G42" s="13">
        <v>0</v>
      </c>
      <c r="H42" s="12"/>
      <c r="I42" s="12"/>
      <c r="J42" s="12"/>
      <c r="K42" s="12"/>
      <c r="L42" s="12"/>
      <c r="M42" s="12"/>
      <c r="N42" s="12"/>
      <c r="O42" s="12"/>
      <c r="P42" s="12"/>
      <c r="Q42" s="12"/>
    </row>
    <row r="43" spans="1:17" x14ac:dyDescent="0.25">
      <c r="A43" s="2" t="s">
        <v>73</v>
      </c>
      <c r="B43" s="4" t="s">
        <v>631</v>
      </c>
      <c r="C43" s="13">
        <v>8063943.79</v>
      </c>
      <c r="D43" s="13">
        <v>7153737.0999999996</v>
      </c>
      <c r="E43" s="13">
        <v>7152293.4800000004</v>
      </c>
      <c r="F43" s="13">
        <v>7149113.8099999996</v>
      </c>
      <c r="G43" s="13">
        <v>0</v>
      </c>
      <c r="H43" s="12"/>
      <c r="I43" s="12"/>
      <c r="J43" s="12"/>
      <c r="K43" s="12"/>
      <c r="L43" s="12"/>
      <c r="M43" s="12"/>
      <c r="N43" s="12"/>
      <c r="O43" s="12"/>
      <c r="P43" s="12"/>
      <c r="Q43" s="12"/>
    </row>
    <row r="44" spans="1:17" x14ac:dyDescent="0.25">
      <c r="A44" s="3" t="s">
        <v>75</v>
      </c>
      <c r="B44" s="5" t="s">
        <v>632</v>
      </c>
      <c r="C44" s="11">
        <v>2580648200</v>
      </c>
      <c r="D44" s="11">
        <v>1656417008.23</v>
      </c>
      <c r="E44" s="11">
        <v>1650755420.8199999</v>
      </c>
      <c r="F44" s="11">
        <v>1649148165.52</v>
      </c>
      <c r="G44" s="11">
        <v>0</v>
      </c>
      <c r="H44" s="12"/>
      <c r="I44" s="12"/>
      <c r="J44" s="12"/>
      <c r="K44" s="12"/>
      <c r="L44" s="12"/>
      <c r="M44" s="12"/>
      <c r="N44" s="12"/>
      <c r="O44" s="12"/>
      <c r="P44" s="12"/>
      <c r="Q44" s="12"/>
    </row>
    <row r="45" spans="1:17" x14ac:dyDescent="0.25">
      <c r="C45" s="12"/>
      <c r="D45" s="12"/>
      <c r="E45" s="12"/>
      <c r="F45" s="12"/>
      <c r="G45" s="12"/>
      <c r="H45" s="12"/>
      <c r="I45" s="12"/>
      <c r="J45" s="12"/>
      <c r="K45" s="12"/>
      <c r="L45" s="12"/>
      <c r="M45" s="12"/>
      <c r="N45" s="12"/>
      <c r="O45" s="12"/>
      <c r="P45" s="12"/>
      <c r="Q45" s="12"/>
    </row>
    <row r="46" spans="1:17" x14ac:dyDescent="0.25">
      <c r="A46" s="10" t="s">
        <v>6</v>
      </c>
      <c r="B46" s="10" t="s">
        <v>633</v>
      </c>
      <c r="C46" s="14" t="s">
        <v>622</v>
      </c>
      <c r="D46" s="14" t="s">
        <v>623</v>
      </c>
      <c r="E46" s="14" t="s">
        <v>624</v>
      </c>
      <c r="F46" s="14" t="s">
        <v>625</v>
      </c>
      <c r="G46" s="14" t="s">
        <v>626</v>
      </c>
      <c r="H46" s="12"/>
      <c r="I46" s="12"/>
      <c r="J46" s="12"/>
      <c r="K46" s="12"/>
      <c r="L46" s="12"/>
      <c r="M46" s="12"/>
      <c r="N46" s="12"/>
      <c r="O46" s="12"/>
      <c r="P46" s="12"/>
      <c r="Q46" s="12"/>
    </row>
    <row r="47" spans="1:17" x14ac:dyDescent="0.25">
      <c r="A47" s="10" t="s">
        <v>7</v>
      </c>
      <c r="B47" s="10" t="s">
        <v>7</v>
      </c>
      <c r="C47" s="14" t="s">
        <v>7</v>
      </c>
      <c r="D47" s="14" t="s">
        <v>7</v>
      </c>
      <c r="E47" s="14" t="s">
        <v>7</v>
      </c>
      <c r="F47" s="14" t="s">
        <v>7</v>
      </c>
      <c r="G47" s="14" t="s">
        <v>7</v>
      </c>
      <c r="H47" s="12"/>
      <c r="I47" s="12"/>
      <c r="J47" s="12"/>
      <c r="K47" s="12"/>
      <c r="L47" s="12"/>
      <c r="M47" s="12"/>
      <c r="N47" s="12"/>
      <c r="O47" s="12"/>
      <c r="P47" s="12"/>
      <c r="Q47" s="12"/>
    </row>
    <row r="48" spans="1:17" x14ac:dyDescent="0.25">
      <c r="A48" s="2" t="s">
        <v>77</v>
      </c>
      <c r="B48" s="4" t="s">
        <v>633</v>
      </c>
      <c r="C48" s="13">
        <v>-409715500</v>
      </c>
      <c r="D48" s="13">
        <v>-110526373.93000001</v>
      </c>
      <c r="E48" s="13">
        <v>-104864786.52</v>
      </c>
      <c r="F48" s="13">
        <v>-103257531.22</v>
      </c>
      <c r="G48" s="13">
        <v>0</v>
      </c>
      <c r="H48" s="12"/>
      <c r="I48" s="12"/>
      <c r="J48" s="12"/>
      <c r="K48" s="12"/>
      <c r="L48" s="12"/>
      <c r="M48" s="12"/>
      <c r="N48" s="12"/>
      <c r="O48" s="12"/>
      <c r="P48" s="12"/>
      <c r="Q48" s="12"/>
    </row>
    <row r="49" spans="1:17" x14ac:dyDescent="0.25">
      <c r="C49" s="12"/>
      <c r="D49" s="12"/>
      <c r="E49" s="12"/>
      <c r="F49" s="12"/>
      <c r="G49" s="12"/>
      <c r="H49" s="12"/>
      <c r="I49" s="12"/>
      <c r="J49" s="12"/>
      <c r="K49" s="12"/>
      <c r="L49" s="12"/>
      <c r="M49" s="12"/>
      <c r="N49" s="12"/>
      <c r="O49" s="12"/>
      <c r="P49" s="12"/>
      <c r="Q49" s="12"/>
    </row>
    <row r="50" spans="1:17" x14ac:dyDescent="0.25">
      <c r="A50" s="10" t="s">
        <v>6</v>
      </c>
      <c r="B50" s="10" t="s">
        <v>634</v>
      </c>
      <c r="C50" s="14" t="s">
        <v>635</v>
      </c>
      <c r="D50" s="12"/>
      <c r="E50" s="12"/>
      <c r="F50" s="12"/>
      <c r="G50" s="12"/>
      <c r="H50" s="12"/>
      <c r="I50" s="12"/>
      <c r="J50" s="12"/>
      <c r="K50" s="12"/>
      <c r="L50" s="12"/>
      <c r="M50" s="12"/>
      <c r="N50" s="12"/>
      <c r="O50" s="12"/>
      <c r="P50" s="12"/>
      <c r="Q50" s="12"/>
    </row>
    <row r="51" spans="1:17" x14ac:dyDescent="0.25">
      <c r="A51" s="10" t="s">
        <v>7</v>
      </c>
      <c r="B51" s="10" t="s">
        <v>7</v>
      </c>
      <c r="C51" s="14" t="s">
        <v>7</v>
      </c>
      <c r="D51" s="12"/>
      <c r="E51" s="12"/>
      <c r="F51" s="12"/>
      <c r="G51" s="12"/>
      <c r="H51" s="12"/>
      <c r="I51" s="12"/>
      <c r="J51" s="12"/>
      <c r="K51" s="12"/>
      <c r="L51" s="12"/>
      <c r="M51" s="12"/>
      <c r="N51" s="12"/>
      <c r="O51" s="12"/>
      <c r="P51" s="12"/>
      <c r="Q51" s="12"/>
    </row>
    <row r="52" spans="1:17" x14ac:dyDescent="0.25">
      <c r="A52" s="2" t="s">
        <v>79</v>
      </c>
      <c r="B52" s="4" t="s">
        <v>636</v>
      </c>
      <c r="C52" s="13">
        <v>0</v>
      </c>
      <c r="D52" s="12"/>
      <c r="E52" s="12"/>
      <c r="F52" s="12"/>
      <c r="G52" s="12"/>
      <c r="H52" s="12"/>
      <c r="I52" s="12"/>
      <c r="J52" s="12"/>
      <c r="K52" s="12"/>
      <c r="L52" s="12"/>
      <c r="M52" s="12"/>
      <c r="N52" s="12"/>
      <c r="O52" s="12"/>
      <c r="P52" s="12"/>
      <c r="Q52" s="12"/>
    </row>
    <row r="53" spans="1:17" x14ac:dyDescent="0.25">
      <c r="C53" s="12"/>
      <c r="D53" s="12"/>
      <c r="E53" s="12"/>
      <c r="F53" s="12"/>
      <c r="G53" s="12"/>
      <c r="H53" s="12"/>
      <c r="I53" s="12"/>
      <c r="J53" s="12"/>
      <c r="K53" s="12"/>
      <c r="L53" s="12"/>
      <c r="M53" s="12"/>
      <c r="N53" s="12"/>
      <c r="O53" s="12"/>
      <c r="P53" s="12"/>
      <c r="Q53" s="12"/>
    </row>
    <row r="54" spans="1:17" x14ac:dyDescent="0.25">
      <c r="A54" s="10" t="s">
        <v>6</v>
      </c>
      <c r="B54" s="10" t="s">
        <v>637</v>
      </c>
      <c r="C54" s="14" t="s">
        <v>635</v>
      </c>
      <c r="D54" s="12"/>
      <c r="E54" s="12"/>
      <c r="F54" s="12"/>
      <c r="G54" s="12"/>
      <c r="H54" s="12"/>
      <c r="I54" s="12"/>
      <c r="J54" s="12"/>
      <c r="K54" s="12"/>
      <c r="L54" s="12"/>
      <c r="M54" s="12"/>
      <c r="N54" s="12"/>
      <c r="O54" s="12"/>
      <c r="P54" s="12"/>
      <c r="Q54" s="12"/>
    </row>
    <row r="55" spans="1:17" x14ac:dyDescent="0.25">
      <c r="A55" s="10" t="s">
        <v>7</v>
      </c>
      <c r="B55" s="10" t="s">
        <v>7</v>
      </c>
      <c r="C55" s="14" t="s">
        <v>7</v>
      </c>
      <c r="D55" s="12"/>
      <c r="E55" s="12"/>
      <c r="F55" s="12"/>
      <c r="G55" s="12"/>
      <c r="H55" s="12"/>
      <c r="I55" s="12"/>
      <c r="J55" s="12"/>
      <c r="K55" s="12"/>
      <c r="L55" s="12"/>
      <c r="M55" s="12"/>
      <c r="N55" s="12"/>
      <c r="O55" s="12"/>
      <c r="P55" s="12"/>
      <c r="Q55" s="12"/>
    </row>
    <row r="56" spans="1:17" x14ac:dyDescent="0.25">
      <c r="A56" s="2" t="s">
        <v>81</v>
      </c>
      <c r="B56" s="4" t="s">
        <v>636</v>
      </c>
      <c r="C56" s="13">
        <v>153967500</v>
      </c>
      <c r="D56" s="12"/>
      <c r="E56" s="12"/>
      <c r="F56" s="12"/>
      <c r="G56" s="12"/>
      <c r="H56" s="12"/>
      <c r="I56" s="12"/>
      <c r="J56" s="12"/>
      <c r="K56" s="12"/>
      <c r="L56" s="12"/>
      <c r="M56" s="12"/>
      <c r="N56" s="12"/>
      <c r="O56" s="12"/>
      <c r="P56" s="12"/>
      <c r="Q56" s="12"/>
    </row>
    <row r="57" spans="1:17" x14ac:dyDescent="0.25">
      <c r="C57" s="12"/>
      <c r="D57" s="12"/>
      <c r="E57" s="12"/>
      <c r="F57" s="12"/>
      <c r="G57" s="12"/>
      <c r="H57" s="12"/>
      <c r="I57" s="12"/>
      <c r="J57" s="12"/>
      <c r="K57" s="12"/>
      <c r="L57" s="12"/>
      <c r="M57" s="12"/>
      <c r="N57" s="12"/>
      <c r="O57" s="12"/>
      <c r="P57" s="12"/>
      <c r="Q57" s="12"/>
    </row>
    <row r="58" spans="1:17" x14ac:dyDescent="0.25">
      <c r="A58" s="10" t="s">
        <v>6</v>
      </c>
      <c r="B58" s="10" t="s">
        <v>638</v>
      </c>
      <c r="C58" s="14" t="s">
        <v>639</v>
      </c>
      <c r="D58" s="12"/>
      <c r="E58" s="12"/>
      <c r="F58" s="12"/>
      <c r="G58" s="12"/>
      <c r="H58" s="12"/>
      <c r="I58" s="12"/>
      <c r="J58" s="12"/>
      <c r="K58" s="12"/>
      <c r="L58" s="12"/>
      <c r="M58" s="12"/>
      <c r="N58" s="12"/>
      <c r="O58" s="12"/>
      <c r="P58" s="12"/>
      <c r="Q58" s="12"/>
    </row>
    <row r="59" spans="1:17" x14ac:dyDescent="0.25">
      <c r="A59" s="10" t="s">
        <v>7</v>
      </c>
      <c r="B59" s="10" t="s">
        <v>7</v>
      </c>
      <c r="C59" s="14" t="s">
        <v>7</v>
      </c>
      <c r="D59" s="12"/>
      <c r="E59" s="12"/>
      <c r="F59" s="12"/>
      <c r="G59" s="12"/>
      <c r="H59" s="12"/>
      <c r="I59" s="12"/>
      <c r="J59" s="12"/>
      <c r="K59" s="12"/>
      <c r="L59" s="12"/>
      <c r="M59" s="12"/>
      <c r="N59" s="12"/>
      <c r="O59" s="12"/>
      <c r="P59" s="12"/>
      <c r="Q59" s="12"/>
    </row>
    <row r="60" spans="1:17" x14ac:dyDescent="0.25">
      <c r="A60" s="2" t="s">
        <v>83</v>
      </c>
      <c r="B60" s="4" t="s">
        <v>640</v>
      </c>
      <c r="C60" s="13">
        <v>0</v>
      </c>
      <c r="D60" s="12"/>
      <c r="E60" s="12"/>
      <c r="F60" s="12"/>
      <c r="G60" s="12"/>
      <c r="H60" s="12"/>
      <c r="I60" s="12"/>
      <c r="J60" s="12"/>
      <c r="K60" s="12"/>
      <c r="L60" s="12"/>
      <c r="M60" s="12"/>
      <c r="N60" s="12"/>
      <c r="O60" s="12"/>
      <c r="P60" s="12"/>
      <c r="Q60" s="12"/>
    </row>
    <row r="61" spans="1:17" x14ac:dyDescent="0.25">
      <c r="A61" s="2" t="s">
        <v>85</v>
      </c>
      <c r="B61" s="4" t="s">
        <v>641</v>
      </c>
      <c r="C61" s="13">
        <v>0</v>
      </c>
      <c r="D61" s="12"/>
      <c r="E61" s="12"/>
      <c r="F61" s="12"/>
      <c r="G61" s="12"/>
      <c r="H61" s="12"/>
      <c r="I61" s="12"/>
      <c r="J61" s="12"/>
      <c r="K61" s="12"/>
      <c r="L61" s="12"/>
      <c r="M61" s="12"/>
      <c r="N61" s="12"/>
      <c r="O61" s="12"/>
      <c r="P61" s="12"/>
      <c r="Q61" s="12"/>
    </row>
    <row r="62" spans="1:17" x14ac:dyDescent="0.25">
      <c r="A62" s="2" t="s">
        <v>87</v>
      </c>
      <c r="B62" s="4" t="s">
        <v>642</v>
      </c>
      <c r="C62" s="13">
        <v>66540784.869999997</v>
      </c>
      <c r="D62" s="12"/>
      <c r="E62" s="12"/>
      <c r="F62" s="12"/>
      <c r="G62" s="12"/>
      <c r="H62" s="12"/>
      <c r="I62" s="12"/>
      <c r="J62" s="12"/>
      <c r="K62" s="12"/>
      <c r="L62" s="12"/>
      <c r="M62" s="12"/>
      <c r="N62" s="12"/>
      <c r="O62" s="12"/>
      <c r="P62" s="12"/>
      <c r="Q62" s="12"/>
    </row>
    <row r="63" spans="1:17" x14ac:dyDescent="0.25">
      <c r="A63" s="2" t="s">
        <v>89</v>
      </c>
      <c r="B63" s="4" t="s">
        <v>643</v>
      </c>
      <c r="C63" s="13">
        <v>23184073.170000002</v>
      </c>
      <c r="D63" s="12"/>
      <c r="E63" s="12"/>
      <c r="F63" s="12"/>
      <c r="G63" s="12"/>
      <c r="H63" s="12"/>
      <c r="I63" s="12"/>
      <c r="J63" s="12"/>
      <c r="K63" s="12"/>
      <c r="L63" s="12"/>
      <c r="M63" s="12"/>
      <c r="N63" s="12"/>
      <c r="O63" s="12"/>
      <c r="P63" s="12"/>
      <c r="Q63" s="12"/>
    </row>
    <row r="64" spans="1:17" x14ac:dyDescent="0.25">
      <c r="C64" s="12"/>
      <c r="D64" s="12"/>
      <c r="E64" s="12"/>
      <c r="F64" s="12"/>
      <c r="G64" s="12"/>
      <c r="H64" s="12"/>
      <c r="I64" s="12"/>
      <c r="J64" s="12"/>
      <c r="K64" s="12"/>
      <c r="L64" s="12"/>
      <c r="M64" s="12"/>
      <c r="N64" s="12"/>
      <c r="O64" s="12"/>
      <c r="P64" s="12"/>
      <c r="Q64" s="12"/>
    </row>
    <row r="65" spans="1:17" x14ac:dyDescent="0.25">
      <c r="A65" s="10" t="s">
        <v>6</v>
      </c>
      <c r="B65" s="10" t="s">
        <v>644</v>
      </c>
      <c r="C65" s="14" t="s">
        <v>645</v>
      </c>
      <c r="D65" s="12"/>
      <c r="E65" s="12"/>
      <c r="F65" s="12"/>
      <c r="G65" s="12"/>
      <c r="H65" s="12"/>
      <c r="I65" s="12"/>
      <c r="J65" s="12"/>
      <c r="K65" s="12"/>
      <c r="L65" s="12"/>
      <c r="M65" s="12"/>
      <c r="N65" s="12"/>
      <c r="O65" s="12"/>
      <c r="P65" s="12"/>
      <c r="Q65" s="12"/>
    </row>
    <row r="66" spans="1:17" x14ac:dyDescent="0.25">
      <c r="A66" s="10" t="s">
        <v>7</v>
      </c>
      <c r="B66" s="10" t="s">
        <v>7</v>
      </c>
      <c r="C66" s="14" t="s">
        <v>7</v>
      </c>
      <c r="D66" s="12"/>
      <c r="E66" s="12"/>
      <c r="F66" s="12"/>
      <c r="G66" s="12"/>
      <c r="H66" s="12"/>
      <c r="I66" s="12"/>
      <c r="J66" s="12"/>
      <c r="K66" s="12"/>
      <c r="L66" s="12"/>
      <c r="M66" s="12"/>
      <c r="N66" s="12"/>
      <c r="O66" s="12"/>
      <c r="P66" s="12"/>
      <c r="Q66" s="12"/>
    </row>
    <row r="67" spans="1:17" x14ac:dyDescent="0.25">
      <c r="A67" s="2" t="s">
        <v>91</v>
      </c>
      <c r="B67" s="4" t="s">
        <v>646</v>
      </c>
      <c r="C67" s="13">
        <v>2205825.5</v>
      </c>
      <c r="D67" s="12"/>
      <c r="E67" s="12"/>
      <c r="F67" s="12"/>
      <c r="G67" s="12"/>
      <c r="H67" s="12"/>
      <c r="I67" s="12"/>
      <c r="J67" s="12"/>
      <c r="K67" s="12"/>
      <c r="L67" s="12"/>
      <c r="M67" s="12"/>
      <c r="N67" s="12"/>
      <c r="O67" s="12"/>
      <c r="P67" s="12"/>
      <c r="Q67" s="12"/>
    </row>
    <row r="68" spans="1:17" x14ac:dyDescent="0.25">
      <c r="A68" s="2" t="s">
        <v>93</v>
      </c>
      <c r="B68" s="4" t="s">
        <v>647</v>
      </c>
      <c r="C68" s="13">
        <v>0</v>
      </c>
      <c r="D68" s="12"/>
      <c r="E68" s="12"/>
      <c r="F68" s="12"/>
      <c r="G68" s="12"/>
      <c r="H68" s="12"/>
      <c r="I68" s="12"/>
      <c r="J68" s="12"/>
      <c r="K68" s="12"/>
      <c r="L68" s="12"/>
      <c r="M68" s="12"/>
      <c r="N68" s="12"/>
      <c r="O68" s="12"/>
      <c r="P68" s="12"/>
      <c r="Q68" s="12"/>
    </row>
    <row r="69" spans="1:17" x14ac:dyDescent="0.25">
      <c r="A69" s="2" t="s">
        <v>95</v>
      </c>
      <c r="B69" s="4" t="s">
        <v>648</v>
      </c>
      <c r="C69" s="13">
        <v>255956372.63999999</v>
      </c>
      <c r="D69" s="12"/>
      <c r="E69" s="12"/>
      <c r="F69" s="12"/>
      <c r="G69" s="12"/>
      <c r="H69" s="12"/>
      <c r="I69" s="12"/>
      <c r="J69" s="12"/>
      <c r="K69" s="12"/>
      <c r="L69" s="12"/>
      <c r="M69" s="12"/>
      <c r="N69" s="12"/>
      <c r="O69" s="12"/>
      <c r="P69" s="12"/>
      <c r="Q69" s="12"/>
    </row>
    <row r="70" spans="1:17" x14ac:dyDescent="0.25">
      <c r="C70" s="12"/>
      <c r="D70" s="12"/>
      <c r="E70" s="12"/>
      <c r="F70" s="12"/>
      <c r="G70" s="12"/>
      <c r="H70" s="12"/>
      <c r="I70" s="12"/>
      <c r="J70" s="12"/>
      <c r="K70" s="12"/>
      <c r="L70" s="12"/>
      <c r="M70" s="12"/>
      <c r="N70" s="12"/>
      <c r="O70" s="12"/>
      <c r="P70" s="12"/>
      <c r="Q70" s="12"/>
    </row>
    <row r="71" spans="1:17" x14ac:dyDescent="0.25">
      <c r="A71" s="10" t="s">
        <v>6</v>
      </c>
      <c r="B71" s="10" t="s">
        <v>649</v>
      </c>
      <c r="C71" s="14" t="s">
        <v>10</v>
      </c>
      <c r="D71" s="14" t="s">
        <v>600</v>
      </c>
      <c r="E71" s="12"/>
      <c r="F71" s="12"/>
      <c r="G71" s="12"/>
      <c r="H71" s="12"/>
      <c r="I71" s="12"/>
      <c r="J71" s="12"/>
      <c r="K71" s="12"/>
      <c r="L71" s="12"/>
      <c r="M71" s="12"/>
      <c r="N71" s="12"/>
      <c r="O71" s="12"/>
      <c r="P71" s="12"/>
      <c r="Q71" s="12"/>
    </row>
    <row r="72" spans="1:17" x14ac:dyDescent="0.25">
      <c r="A72" s="10" t="s">
        <v>7</v>
      </c>
      <c r="B72" s="10" t="s">
        <v>7</v>
      </c>
      <c r="C72" s="14" t="s">
        <v>7</v>
      </c>
      <c r="D72" s="14" t="s">
        <v>7</v>
      </c>
      <c r="E72" s="12"/>
      <c r="F72" s="12"/>
      <c r="G72" s="12"/>
      <c r="H72" s="12"/>
      <c r="I72" s="12"/>
      <c r="J72" s="12"/>
      <c r="K72" s="12"/>
      <c r="L72" s="12"/>
      <c r="M72" s="12"/>
      <c r="N72" s="12"/>
      <c r="O72" s="12"/>
      <c r="P72" s="12"/>
      <c r="Q72" s="12"/>
    </row>
    <row r="73" spans="1:17" x14ac:dyDescent="0.25">
      <c r="A73" s="3" t="s">
        <v>97</v>
      </c>
      <c r="B73" s="5" t="s">
        <v>650</v>
      </c>
      <c r="C73" s="11">
        <v>0</v>
      </c>
      <c r="D73" s="11">
        <v>0</v>
      </c>
      <c r="E73" s="12"/>
      <c r="F73" s="12"/>
      <c r="G73" s="12"/>
      <c r="H73" s="12"/>
      <c r="I73" s="12"/>
      <c r="J73" s="12"/>
      <c r="K73" s="12"/>
      <c r="L73" s="12"/>
      <c r="M73" s="12"/>
      <c r="N73" s="12"/>
      <c r="O73" s="12"/>
      <c r="P73" s="12"/>
      <c r="Q73" s="12"/>
    </row>
    <row r="74" spans="1:17" x14ac:dyDescent="0.25">
      <c r="A74" s="3" t="s">
        <v>99</v>
      </c>
      <c r="B74" s="5" t="s">
        <v>651</v>
      </c>
      <c r="C74" s="11">
        <v>0</v>
      </c>
      <c r="D74" s="11">
        <v>0</v>
      </c>
      <c r="E74" s="12"/>
      <c r="F74" s="12"/>
      <c r="G74" s="12"/>
      <c r="H74" s="12"/>
      <c r="I74" s="12"/>
      <c r="J74" s="12"/>
      <c r="K74" s="12"/>
      <c r="L74" s="12"/>
      <c r="M74" s="12"/>
      <c r="N74" s="12"/>
      <c r="O74" s="12"/>
      <c r="P74" s="12"/>
      <c r="Q74" s="12"/>
    </row>
    <row r="75" spans="1:17" x14ac:dyDescent="0.25">
      <c r="A75" s="2" t="s">
        <v>101</v>
      </c>
      <c r="B75" s="4" t="s">
        <v>652</v>
      </c>
      <c r="C75" s="13">
        <v>0</v>
      </c>
      <c r="D75" s="13">
        <v>0</v>
      </c>
      <c r="E75" s="12"/>
      <c r="F75" s="12"/>
      <c r="G75" s="12"/>
      <c r="H75" s="12"/>
      <c r="I75" s="12"/>
      <c r="J75" s="12"/>
      <c r="K75" s="12"/>
      <c r="L75" s="12"/>
      <c r="M75" s="12"/>
      <c r="N75" s="12"/>
      <c r="O75" s="12"/>
      <c r="P75" s="12"/>
      <c r="Q75" s="12"/>
    </row>
    <row r="76" spans="1:17" x14ac:dyDescent="0.25">
      <c r="A76" s="2" t="s">
        <v>103</v>
      </c>
      <c r="B76" s="4" t="s">
        <v>653</v>
      </c>
      <c r="C76" s="13">
        <v>0</v>
      </c>
      <c r="D76" s="13">
        <v>0</v>
      </c>
      <c r="E76" s="12"/>
      <c r="F76" s="12"/>
      <c r="G76" s="12"/>
      <c r="H76" s="12"/>
      <c r="I76" s="12"/>
      <c r="J76" s="12"/>
      <c r="K76" s="12"/>
      <c r="L76" s="12"/>
      <c r="M76" s="12"/>
      <c r="N76" s="12"/>
      <c r="O76" s="12"/>
      <c r="P76" s="12"/>
      <c r="Q76" s="12"/>
    </row>
    <row r="77" spans="1:17" x14ac:dyDescent="0.25">
      <c r="A77" s="2" t="s">
        <v>105</v>
      </c>
      <c r="B77" s="4" t="s">
        <v>654</v>
      </c>
      <c r="C77" s="13">
        <v>0</v>
      </c>
      <c r="D77" s="13">
        <v>0</v>
      </c>
      <c r="E77" s="12"/>
      <c r="F77" s="12"/>
      <c r="G77" s="12"/>
      <c r="H77" s="12"/>
      <c r="I77" s="12"/>
      <c r="J77" s="12"/>
      <c r="K77" s="12"/>
      <c r="L77" s="12"/>
      <c r="M77" s="12"/>
      <c r="N77" s="12"/>
      <c r="O77" s="12"/>
      <c r="P77" s="12"/>
      <c r="Q77" s="12"/>
    </row>
    <row r="78" spans="1:17" x14ac:dyDescent="0.25">
      <c r="A78" s="3" t="s">
        <v>107</v>
      </c>
      <c r="B78" s="5" t="s">
        <v>655</v>
      </c>
      <c r="C78" s="11">
        <v>0</v>
      </c>
      <c r="D78" s="11">
        <v>0</v>
      </c>
      <c r="E78" s="12"/>
      <c r="F78" s="12"/>
      <c r="G78" s="12"/>
      <c r="H78" s="12"/>
      <c r="I78" s="12"/>
      <c r="J78" s="12"/>
      <c r="K78" s="12"/>
      <c r="L78" s="12"/>
      <c r="M78" s="12"/>
      <c r="N78" s="12"/>
      <c r="O78" s="12"/>
      <c r="P78" s="12"/>
      <c r="Q78" s="12"/>
    </row>
    <row r="79" spans="1:17" x14ac:dyDescent="0.25">
      <c r="A79" s="2" t="s">
        <v>109</v>
      </c>
      <c r="B79" s="4" t="s">
        <v>652</v>
      </c>
      <c r="C79" s="13">
        <v>0</v>
      </c>
      <c r="D79" s="13">
        <v>0</v>
      </c>
      <c r="E79" s="12"/>
      <c r="F79" s="12"/>
      <c r="G79" s="12"/>
      <c r="H79" s="12"/>
      <c r="I79" s="12"/>
      <c r="J79" s="12"/>
      <c r="K79" s="12"/>
      <c r="L79" s="12"/>
      <c r="M79" s="12"/>
      <c r="N79" s="12"/>
      <c r="O79" s="12"/>
      <c r="P79" s="12"/>
      <c r="Q79" s="12"/>
    </row>
    <row r="80" spans="1:17" x14ac:dyDescent="0.25">
      <c r="A80" s="2" t="s">
        <v>111</v>
      </c>
      <c r="B80" s="4" t="s">
        <v>653</v>
      </c>
      <c r="C80" s="13">
        <v>0</v>
      </c>
      <c r="D80" s="13">
        <v>0</v>
      </c>
      <c r="E80" s="12"/>
      <c r="F80" s="12"/>
      <c r="G80" s="12"/>
      <c r="H80" s="12"/>
      <c r="I80" s="12"/>
      <c r="J80" s="12"/>
      <c r="K80" s="12"/>
      <c r="L80" s="12"/>
      <c r="M80" s="12"/>
      <c r="N80" s="12"/>
      <c r="O80" s="12"/>
      <c r="P80" s="12"/>
      <c r="Q80" s="12"/>
    </row>
    <row r="81" spans="1:17" x14ac:dyDescent="0.25">
      <c r="A81" s="2" t="s">
        <v>113</v>
      </c>
      <c r="B81" s="4" t="s">
        <v>654</v>
      </c>
      <c r="C81" s="13">
        <v>0</v>
      </c>
      <c r="D81" s="13">
        <v>0</v>
      </c>
      <c r="E81" s="12"/>
      <c r="F81" s="12"/>
      <c r="G81" s="12"/>
      <c r="H81" s="12"/>
      <c r="I81" s="12"/>
      <c r="J81" s="12"/>
      <c r="K81" s="12"/>
      <c r="L81" s="12"/>
      <c r="M81" s="12"/>
      <c r="N81" s="12"/>
      <c r="O81" s="12"/>
      <c r="P81" s="12"/>
      <c r="Q81" s="12"/>
    </row>
    <row r="82" spans="1:17" x14ac:dyDescent="0.25">
      <c r="A82" s="3" t="s">
        <v>115</v>
      </c>
      <c r="B82" s="5" t="s">
        <v>656</v>
      </c>
      <c r="C82" s="11">
        <v>0</v>
      </c>
      <c r="D82" s="11">
        <v>0</v>
      </c>
      <c r="E82" s="12"/>
      <c r="F82" s="12"/>
      <c r="G82" s="12"/>
      <c r="H82" s="12"/>
      <c r="I82" s="12"/>
      <c r="J82" s="12"/>
      <c r="K82" s="12"/>
      <c r="L82" s="12"/>
      <c r="M82" s="12"/>
      <c r="N82" s="12"/>
      <c r="O82" s="12"/>
      <c r="P82" s="12"/>
      <c r="Q82" s="12"/>
    </row>
    <row r="83" spans="1:17" x14ac:dyDescent="0.25">
      <c r="A83" s="2" t="s">
        <v>117</v>
      </c>
      <c r="B83" s="4" t="s">
        <v>657</v>
      </c>
      <c r="C83" s="13">
        <v>0</v>
      </c>
      <c r="D83" s="13">
        <v>0</v>
      </c>
      <c r="E83" s="12"/>
      <c r="F83" s="12"/>
      <c r="G83" s="12"/>
      <c r="H83" s="12"/>
      <c r="I83" s="12"/>
      <c r="J83" s="12"/>
      <c r="K83" s="12"/>
      <c r="L83" s="12"/>
      <c r="M83" s="12"/>
      <c r="N83" s="12"/>
      <c r="O83" s="12"/>
      <c r="P83" s="12"/>
      <c r="Q83" s="12"/>
    </row>
    <row r="84" spans="1:17" x14ac:dyDescent="0.25">
      <c r="A84" s="2" t="s">
        <v>119</v>
      </c>
      <c r="B84" s="4" t="s">
        <v>658</v>
      </c>
      <c r="C84" s="13">
        <v>0</v>
      </c>
      <c r="D84" s="13">
        <v>0</v>
      </c>
      <c r="E84" s="12"/>
      <c r="F84" s="12"/>
      <c r="G84" s="12"/>
      <c r="H84" s="12"/>
      <c r="I84" s="12"/>
      <c r="J84" s="12"/>
      <c r="K84" s="12"/>
      <c r="L84" s="12"/>
      <c r="M84" s="12"/>
      <c r="N84" s="12"/>
      <c r="O84" s="12"/>
      <c r="P84" s="12"/>
      <c r="Q84" s="12"/>
    </row>
    <row r="85" spans="1:17" x14ac:dyDescent="0.25">
      <c r="A85" s="2" t="s">
        <v>120</v>
      </c>
      <c r="B85" s="4" t="s">
        <v>659</v>
      </c>
      <c r="C85" s="13">
        <v>0</v>
      </c>
      <c r="D85" s="13">
        <v>0</v>
      </c>
      <c r="E85" s="12"/>
      <c r="F85" s="12"/>
      <c r="G85" s="12"/>
      <c r="H85" s="12"/>
      <c r="I85" s="12"/>
      <c r="J85" s="12"/>
      <c r="K85" s="12"/>
      <c r="L85" s="12"/>
      <c r="M85" s="12"/>
      <c r="N85" s="12"/>
      <c r="O85" s="12"/>
      <c r="P85" s="12"/>
      <c r="Q85" s="12"/>
    </row>
    <row r="86" spans="1:17" x14ac:dyDescent="0.25">
      <c r="A86" s="2" t="s">
        <v>121</v>
      </c>
      <c r="B86" s="4" t="s">
        <v>660</v>
      </c>
      <c r="C86" s="13">
        <v>0</v>
      </c>
      <c r="D86" s="13">
        <v>0</v>
      </c>
      <c r="E86" s="12"/>
      <c r="F86" s="12"/>
      <c r="G86" s="12"/>
      <c r="H86" s="12"/>
      <c r="I86" s="12"/>
      <c r="J86" s="12"/>
      <c r="K86" s="12"/>
      <c r="L86" s="12"/>
      <c r="M86" s="12"/>
      <c r="N86" s="12"/>
      <c r="O86" s="12"/>
      <c r="P86" s="12"/>
      <c r="Q86" s="12"/>
    </row>
    <row r="87" spans="1:17" x14ac:dyDescent="0.25">
      <c r="A87" s="3" t="s">
        <v>122</v>
      </c>
      <c r="B87" s="5" t="s">
        <v>661</v>
      </c>
      <c r="C87" s="11">
        <v>0</v>
      </c>
      <c r="D87" s="11">
        <v>0</v>
      </c>
      <c r="E87" s="12"/>
      <c r="F87" s="12"/>
      <c r="G87" s="12"/>
      <c r="H87" s="12"/>
      <c r="I87" s="12"/>
      <c r="J87" s="12"/>
      <c r="K87" s="12"/>
      <c r="L87" s="12"/>
      <c r="M87" s="12"/>
      <c r="N87" s="12"/>
      <c r="O87" s="12"/>
      <c r="P87" s="12"/>
      <c r="Q87" s="12"/>
    </row>
    <row r="88" spans="1:17" x14ac:dyDescent="0.25">
      <c r="A88" s="2" t="s">
        <v>123</v>
      </c>
      <c r="B88" s="4" t="s">
        <v>662</v>
      </c>
      <c r="C88" s="13">
        <v>0</v>
      </c>
      <c r="D88" s="13">
        <v>0</v>
      </c>
      <c r="E88" s="12"/>
      <c r="F88" s="12"/>
      <c r="G88" s="12"/>
      <c r="H88" s="12"/>
      <c r="I88" s="12"/>
      <c r="J88" s="12"/>
      <c r="K88" s="12"/>
      <c r="L88" s="12"/>
      <c r="M88" s="12"/>
      <c r="N88" s="12"/>
      <c r="O88" s="12"/>
      <c r="P88" s="12"/>
      <c r="Q88" s="12"/>
    </row>
    <row r="89" spans="1:17" x14ac:dyDescent="0.25">
      <c r="A89" s="2" t="s">
        <v>124</v>
      </c>
      <c r="B89" s="4" t="s">
        <v>308</v>
      </c>
      <c r="C89" s="13">
        <v>0</v>
      </c>
      <c r="D89" s="13">
        <v>0</v>
      </c>
      <c r="E89" s="12"/>
      <c r="F89" s="12"/>
      <c r="G89" s="12"/>
      <c r="H89" s="12"/>
      <c r="I89" s="12"/>
      <c r="J89" s="12"/>
      <c r="K89" s="12"/>
      <c r="L89" s="12"/>
      <c r="M89" s="12"/>
      <c r="N89" s="12"/>
      <c r="O89" s="12"/>
      <c r="P89" s="12"/>
      <c r="Q89" s="12"/>
    </row>
    <row r="90" spans="1:17" x14ac:dyDescent="0.25">
      <c r="A90" s="3" t="s">
        <v>125</v>
      </c>
      <c r="B90" s="5" t="s">
        <v>663</v>
      </c>
      <c r="C90" s="11">
        <v>0</v>
      </c>
      <c r="D90" s="11">
        <v>0</v>
      </c>
      <c r="E90" s="12"/>
      <c r="F90" s="12"/>
      <c r="G90" s="12"/>
      <c r="H90" s="12"/>
      <c r="I90" s="12"/>
      <c r="J90" s="12"/>
      <c r="K90" s="12"/>
      <c r="L90" s="12"/>
      <c r="M90" s="12"/>
      <c r="N90" s="12"/>
      <c r="O90" s="12"/>
      <c r="P90" s="12"/>
      <c r="Q90" s="12"/>
    </row>
    <row r="91" spans="1:17" x14ac:dyDescent="0.25">
      <c r="A91" s="2" t="s">
        <v>127</v>
      </c>
      <c r="B91" s="4" t="s">
        <v>664</v>
      </c>
      <c r="C91" s="13">
        <v>0</v>
      </c>
      <c r="D91" s="13">
        <v>0</v>
      </c>
      <c r="E91" s="12"/>
      <c r="F91" s="12"/>
      <c r="G91" s="12"/>
      <c r="H91" s="12"/>
      <c r="I91" s="12"/>
      <c r="J91" s="12"/>
      <c r="K91" s="12"/>
      <c r="L91" s="12"/>
      <c r="M91" s="12"/>
      <c r="N91" s="12"/>
      <c r="O91" s="12"/>
      <c r="P91" s="12"/>
      <c r="Q91" s="12"/>
    </row>
    <row r="92" spans="1:17" x14ac:dyDescent="0.25">
      <c r="A92" s="2" t="s">
        <v>129</v>
      </c>
      <c r="B92" s="4" t="s">
        <v>665</v>
      </c>
      <c r="C92" s="13">
        <v>0</v>
      </c>
      <c r="D92" s="13">
        <v>0</v>
      </c>
      <c r="E92" s="12"/>
      <c r="F92" s="12"/>
      <c r="G92" s="12"/>
      <c r="H92" s="12"/>
      <c r="I92" s="12"/>
      <c r="J92" s="12"/>
      <c r="K92" s="12"/>
      <c r="L92" s="12"/>
      <c r="M92" s="12"/>
      <c r="N92" s="12"/>
      <c r="O92" s="12"/>
      <c r="P92" s="12"/>
      <c r="Q92" s="12"/>
    </row>
    <row r="93" spans="1:17" x14ac:dyDescent="0.25">
      <c r="A93" s="2" t="s">
        <v>131</v>
      </c>
      <c r="B93" s="4" t="s">
        <v>666</v>
      </c>
      <c r="C93" s="13">
        <v>0</v>
      </c>
      <c r="D93" s="13">
        <v>0</v>
      </c>
      <c r="E93" s="12"/>
      <c r="F93" s="12"/>
      <c r="G93" s="12"/>
      <c r="H93" s="12"/>
      <c r="I93" s="12"/>
      <c r="J93" s="12"/>
      <c r="K93" s="12"/>
      <c r="L93" s="12"/>
      <c r="M93" s="12"/>
      <c r="N93" s="12"/>
      <c r="O93" s="12"/>
      <c r="P93" s="12"/>
      <c r="Q93" s="12"/>
    </row>
    <row r="94" spans="1:17" x14ac:dyDescent="0.25">
      <c r="A94" s="3" t="s">
        <v>133</v>
      </c>
      <c r="B94" s="5" t="s">
        <v>667</v>
      </c>
      <c r="C94" s="11">
        <v>0</v>
      </c>
      <c r="D94" s="11">
        <v>0</v>
      </c>
      <c r="E94" s="12"/>
      <c r="F94" s="12"/>
      <c r="G94" s="12"/>
      <c r="H94" s="12"/>
      <c r="I94" s="12"/>
      <c r="J94" s="12"/>
      <c r="K94" s="12"/>
      <c r="L94" s="12"/>
      <c r="M94" s="12"/>
      <c r="N94" s="12"/>
      <c r="O94" s="12"/>
      <c r="P94" s="12"/>
      <c r="Q94" s="12"/>
    </row>
    <row r="95" spans="1:17" x14ac:dyDescent="0.25">
      <c r="C95" s="12"/>
      <c r="D95" s="12"/>
      <c r="E95" s="12"/>
      <c r="F95" s="12"/>
      <c r="G95" s="12"/>
      <c r="H95" s="12"/>
      <c r="I95" s="12"/>
      <c r="J95" s="12"/>
      <c r="K95" s="12"/>
      <c r="L95" s="12"/>
      <c r="M95" s="12"/>
      <c r="N95" s="12"/>
      <c r="O95" s="12"/>
      <c r="P95" s="12"/>
      <c r="Q95" s="12"/>
    </row>
    <row r="96" spans="1:17" x14ac:dyDescent="0.25">
      <c r="A96" s="10" t="s">
        <v>6</v>
      </c>
      <c r="B96" s="10" t="s">
        <v>668</v>
      </c>
      <c r="C96" s="14" t="s">
        <v>622</v>
      </c>
      <c r="D96" s="14" t="s">
        <v>623</v>
      </c>
      <c r="E96" s="14" t="s">
        <v>624</v>
      </c>
      <c r="F96" s="14" t="s">
        <v>625</v>
      </c>
      <c r="G96" s="14" t="s">
        <v>626</v>
      </c>
      <c r="H96" s="12"/>
      <c r="I96" s="12"/>
      <c r="J96" s="12"/>
      <c r="K96" s="12"/>
      <c r="L96" s="12"/>
      <c r="M96" s="12"/>
      <c r="N96" s="12"/>
      <c r="O96" s="12"/>
      <c r="P96" s="12"/>
      <c r="Q96" s="12"/>
    </row>
    <row r="97" spans="1:17" x14ac:dyDescent="0.25">
      <c r="A97" s="10" t="s">
        <v>7</v>
      </c>
      <c r="B97" s="10" t="s">
        <v>7</v>
      </c>
      <c r="C97" s="14" t="s">
        <v>7</v>
      </c>
      <c r="D97" s="14" t="s">
        <v>7</v>
      </c>
      <c r="E97" s="14" t="s">
        <v>7</v>
      </c>
      <c r="F97" s="14" t="s">
        <v>7</v>
      </c>
      <c r="G97" s="14" t="s">
        <v>7</v>
      </c>
      <c r="H97" s="12"/>
      <c r="I97" s="12"/>
      <c r="J97" s="12"/>
      <c r="K97" s="12"/>
      <c r="L97" s="12"/>
      <c r="M97" s="12"/>
      <c r="N97" s="12"/>
      <c r="O97" s="12"/>
      <c r="P97" s="12"/>
      <c r="Q97" s="12"/>
    </row>
    <row r="98" spans="1:17" x14ac:dyDescent="0.25">
      <c r="A98" s="3" t="s">
        <v>135</v>
      </c>
      <c r="B98" s="5" t="s">
        <v>627</v>
      </c>
      <c r="C98" s="11">
        <v>0</v>
      </c>
      <c r="D98" s="11">
        <v>0</v>
      </c>
      <c r="E98" s="11">
        <v>0</v>
      </c>
      <c r="F98" s="11">
        <v>0</v>
      </c>
      <c r="G98" s="11">
        <v>0</v>
      </c>
      <c r="H98" s="12"/>
      <c r="I98" s="12"/>
      <c r="J98" s="12"/>
      <c r="K98" s="12"/>
      <c r="L98" s="12"/>
      <c r="M98" s="12"/>
      <c r="N98" s="12"/>
      <c r="O98" s="12"/>
      <c r="P98" s="12"/>
      <c r="Q98" s="12"/>
    </row>
    <row r="99" spans="1:17" x14ac:dyDescent="0.25">
      <c r="A99" s="2" t="s">
        <v>137</v>
      </c>
      <c r="B99" s="4" t="s">
        <v>669</v>
      </c>
      <c r="C99" s="13">
        <v>0</v>
      </c>
      <c r="D99" s="13">
        <v>0</v>
      </c>
      <c r="E99" s="13">
        <v>0</v>
      </c>
      <c r="F99" s="13">
        <v>0</v>
      </c>
      <c r="G99" s="13">
        <v>0</v>
      </c>
      <c r="H99" s="12"/>
      <c r="I99" s="12"/>
      <c r="J99" s="12"/>
      <c r="K99" s="12"/>
      <c r="L99" s="12"/>
      <c r="M99" s="12"/>
      <c r="N99" s="12"/>
      <c r="O99" s="12"/>
      <c r="P99" s="12"/>
      <c r="Q99" s="12"/>
    </row>
    <row r="100" spans="1:17" x14ac:dyDescent="0.25">
      <c r="A100" s="2" t="s">
        <v>139</v>
      </c>
      <c r="B100" s="4" t="s">
        <v>629</v>
      </c>
      <c r="C100" s="13">
        <v>0</v>
      </c>
      <c r="D100" s="13">
        <v>0</v>
      </c>
      <c r="E100" s="13">
        <v>0</v>
      </c>
      <c r="F100" s="13">
        <v>0</v>
      </c>
      <c r="G100" s="13">
        <v>0</v>
      </c>
      <c r="H100" s="12"/>
      <c r="I100" s="12"/>
      <c r="J100" s="12"/>
      <c r="K100" s="12"/>
      <c r="L100" s="12"/>
      <c r="M100" s="12"/>
      <c r="N100" s="12"/>
      <c r="O100" s="12"/>
      <c r="P100" s="12"/>
      <c r="Q100" s="12"/>
    </row>
    <row r="101" spans="1:17" x14ac:dyDescent="0.25">
      <c r="A101" s="3" t="s">
        <v>141</v>
      </c>
      <c r="B101" s="5" t="s">
        <v>630</v>
      </c>
      <c r="C101" s="11">
        <v>0</v>
      </c>
      <c r="D101" s="11">
        <v>0</v>
      </c>
      <c r="E101" s="11">
        <v>0</v>
      </c>
      <c r="F101" s="11">
        <v>0</v>
      </c>
      <c r="G101" s="11">
        <v>0</v>
      </c>
      <c r="H101" s="12"/>
      <c r="I101" s="12"/>
      <c r="J101" s="12"/>
      <c r="K101" s="12"/>
      <c r="L101" s="12"/>
      <c r="M101" s="12"/>
      <c r="N101" s="12"/>
      <c r="O101" s="12"/>
      <c r="P101" s="12"/>
      <c r="Q101" s="12"/>
    </row>
    <row r="102" spans="1:17" x14ac:dyDescent="0.25">
      <c r="A102" s="2" t="s">
        <v>143</v>
      </c>
      <c r="B102" s="4" t="s">
        <v>613</v>
      </c>
      <c r="C102" s="13">
        <v>0</v>
      </c>
      <c r="D102" s="13">
        <v>0</v>
      </c>
      <c r="E102" s="13">
        <v>0</v>
      </c>
      <c r="F102" s="13">
        <v>0</v>
      </c>
      <c r="G102" s="13">
        <v>0</v>
      </c>
      <c r="H102" s="12"/>
      <c r="I102" s="12"/>
      <c r="J102" s="12"/>
      <c r="K102" s="12"/>
      <c r="L102" s="12"/>
      <c r="M102" s="12"/>
      <c r="N102" s="12"/>
      <c r="O102" s="12"/>
      <c r="P102" s="12"/>
      <c r="Q102" s="12"/>
    </row>
    <row r="103" spans="1:17" x14ac:dyDescent="0.25">
      <c r="A103" s="2" t="s">
        <v>145</v>
      </c>
      <c r="B103" s="4" t="s">
        <v>631</v>
      </c>
      <c r="C103" s="13">
        <v>0</v>
      </c>
      <c r="D103" s="13">
        <v>0</v>
      </c>
      <c r="E103" s="13">
        <v>0</v>
      </c>
      <c r="F103" s="13">
        <v>0</v>
      </c>
      <c r="G103" s="13">
        <v>0</v>
      </c>
      <c r="H103" s="12"/>
      <c r="I103" s="12"/>
      <c r="J103" s="12"/>
      <c r="K103" s="12"/>
      <c r="L103" s="12"/>
      <c r="M103" s="12"/>
      <c r="N103" s="12"/>
      <c r="O103" s="12"/>
      <c r="P103" s="12"/>
      <c r="Q103" s="12"/>
    </row>
    <row r="104" spans="1:17" x14ac:dyDescent="0.25">
      <c r="A104" s="3" t="s">
        <v>147</v>
      </c>
      <c r="B104" s="5" t="s">
        <v>670</v>
      </c>
      <c r="C104" s="11">
        <v>0</v>
      </c>
      <c r="D104" s="11">
        <v>0</v>
      </c>
      <c r="E104" s="11">
        <v>0</v>
      </c>
      <c r="F104" s="11">
        <v>0</v>
      </c>
      <c r="G104" s="11">
        <v>0</v>
      </c>
      <c r="H104" s="12"/>
      <c r="I104" s="12"/>
      <c r="J104" s="12"/>
      <c r="K104" s="12"/>
      <c r="L104" s="12"/>
      <c r="M104" s="12"/>
      <c r="N104" s="12"/>
      <c r="O104" s="12"/>
      <c r="P104" s="12"/>
      <c r="Q104" s="12"/>
    </row>
    <row r="105" spans="1:17" x14ac:dyDescent="0.25">
      <c r="C105" s="12"/>
      <c r="D105" s="12"/>
      <c r="E105" s="12"/>
      <c r="F105" s="12"/>
      <c r="G105" s="12"/>
      <c r="H105" s="12"/>
      <c r="I105" s="12"/>
      <c r="J105" s="12"/>
      <c r="K105" s="12"/>
      <c r="L105" s="12"/>
      <c r="M105" s="12"/>
      <c r="N105" s="12"/>
      <c r="O105" s="12"/>
      <c r="P105" s="12"/>
      <c r="Q105" s="12"/>
    </row>
    <row r="106" spans="1:17" x14ac:dyDescent="0.25">
      <c r="A106" s="10" t="s">
        <v>6</v>
      </c>
      <c r="B106" s="10" t="s">
        <v>671</v>
      </c>
      <c r="C106" s="14" t="s">
        <v>622</v>
      </c>
      <c r="D106" s="14" t="s">
        <v>623</v>
      </c>
      <c r="E106" s="14" t="s">
        <v>624</v>
      </c>
      <c r="F106" s="14" t="s">
        <v>625</v>
      </c>
      <c r="G106" s="14" t="s">
        <v>626</v>
      </c>
      <c r="H106" s="12"/>
      <c r="I106" s="12"/>
      <c r="J106" s="12"/>
      <c r="K106" s="12"/>
      <c r="L106" s="12"/>
      <c r="M106" s="12"/>
      <c r="N106" s="12"/>
      <c r="O106" s="12"/>
      <c r="P106" s="12"/>
      <c r="Q106" s="12"/>
    </row>
    <row r="107" spans="1:17" x14ac:dyDescent="0.25">
      <c r="A107" s="10" t="s">
        <v>7</v>
      </c>
      <c r="B107" s="10" t="s">
        <v>7</v>
      </c>
      <c r="C107" s="14" t="s">
        <v>7</v>
      </c>
      <c r="D107" s="14" t="s">
        <v>7</v>
      </c>
      <c r="E107" s="14" t="s">
        <v>7</v>
      </c>
      <c r="F107" s="14" t="s">
        <v>7</v>
      </c>
      <c r="G107" s="14" t="s">
        <v>7</v>
      </c>
      <c r="H107" s="12"/>
      <c r="I107" s="12"/>
      <c r="J107" s="12"/>
      <c r="K107" s="12"/>
      <c r="L107" s="12"/>
      <c r="M107" s="12"/>
      <c r="N107" s="12"/>
      <c r="O107" s="12"/>
      <c r="P107" s="12"/>
      <c r="Q107" s="12"/>
    </row>
    <row r="108" spans="1:17" x14ac:dyDescent="0.25">
      <c r="A108" s="2" t="s">
        <v>149</v>
      </c>
      <c r="B108" s="4" t="s">
        <v>672</v>
      </c>
      <c r="C108" s="13">
        <v>0</v>
      </c>
      <c r="D108" s="13">
        <v>0</v>
      </c>
      <c r="E108" s="13">
        <v>0</v>
      </c>
      <c r="F108" s="13">
        <v>0</v>
      </c>
      <c r="G108" s="13">
        <v>0</v>
      </c>
      <c r="H108" s="12"/>
      <c r="I108" s="12"/>
      <c r="J108" s="12"/>
      <c r="K108" s="12"/>
      <c r="L108" s="12"/>
      <c r="M108" s="12"/>
      <c r="N108" s="12"/>
      <c r="O108" s="12"/>
      <c r="P108" s="12"/>
      <c r="Q108" s="12"/>
    </row>
    <row r="109" spans="1:17" x14ac:dyDescent="0.25">
      <c r="C109" s="12"/>
      <c r="D109" s="12"/>
      <c r="E109" s="12"/>
      <c r="F109" s="12"/>
      <c r="G109" s="12"/>
      <c r="H109" s="12"/>
      <c r="I109" s="12"/>
      <c r="J109" s="12"/>
      <c r="K109" s="12"/>
      <c r="L109" s="12"/>
      <c r="M109" s="12"/>
      <c r="N109" s="12"/>
      <c r="O109" s="12"/>
      <c r="P109" s="12"/>
      <c r="Q109" s="12"/>
    </row>
    <row r="110" spans="1:17" x14ac:dyDescent="0.25">
      <c r="A110" s="10" t="s">
        <v>6</v>
      </c>
      <c r="B110" s="10" t="s">
        <v>673</v>
      </c>
      <c r="C110" s="14" t="s">
        <v>639</v>
      </c>
      <c r="D110" s="12"/>
      <c r="E110" s="12"/>
      <c r="F110" s="12"/>
      <c r="G110" s="12"/>
      <c r="H110" s="12"/>
      <c r="I110" s="12"/>
      <c r="J110" s="12"/>
      <c r="K110" s="12"/>
      <c r="L110" s="12"/>
      <c r="M110" s="12"/>
      <c r="N110" s="12"/>
      <c r="O110" s="12"/>
      <c r="P110" s="12"/>
      <c r="Q110" s="12"/>
    </row>
    <row r="111" spans="1:17" x14ac:dyDescent="0.25">
      <c r="A111" s="10" t="s">
        <v>7</v>
      </c>
      <c r="B111" s="10" t="s">
        <v>7</v>
      </c>
      <c r="C111" s="14" t="s">
        <v>7</v>
      </c>
      <c r="D111" s="12"/>
      <c r="E111" s="12"/>
      <c r="F111" s="12"/>
      <c r="G111" s="12"/>
      <c r="H111" s="12"/>
      <c r="I111" s="12"/>
      <c r="J111" s="12"/>
      <c r="K111" s="12"/>
      <c r="L111" s="12"/>
      <c r="M111" s="12"/>
      <c r="N111" s="12"/>
      <c r="O111" s="12"/>
      <c r="P111" s="12"/>
      <c r="Q111" s="12"/>
    </row>
    <row r="112" spans="1:17" x14ac:dyDescent="0.25">
      <c r="A112" s="2" t="s">
        <v>151</v>
      </c>
      <c r="B112" s="4" t="s">
        <v>674</v>
      </c>
      <c r="C112" s="13">
        <v>0</v>
      </c>
      <c r="D112" s="12"/>
      <c r="E112" s="12"/>
      <c r="F112" s="12"/>
      <c r="G112" s="12"/>
      <c r="H112" s="12"/>
      <c r="I112" s="12"/>
      <c r="J112" s="12"/>
      <c r="K112" s="12"/>
      <c r="L112" s="12"/>
      <c r="M112" s="12"/>
      <c r="N112" s="12"/>
      <c r="O112" s="12"/>
      <c r="P112" s="12"/>
      <c r="Q112" s="12"/>
    </row>
    <row r="113" spans="1:17" x14ac:dyDescent="0.25">
      <c r="A113" s="2" t="s">
        <v>153</v>
      </c>
      <c r="B113" s="4" t="s">
        <v>675</v>
      </c>
      <c r="C113" s="13">
        <v>0</v>
      </c>
      <c r="D113" s="12"/>
      <c r="E113" s="12"/>
      <c r="F113" s="12"/>
      <c r="G113" s="12"/>
      <c r="H113" s="12"/>
      <c r="I113" s="12"/>
      <c r="J113" s="12"/>
      <c r="K113" s="12"/>
      <c r="L113" s="12"/>
      <c r="M113" s="12"/>
      <c r="N113" s="12"/>
      <c r="O113" s="12"/>
      <c r="P113" s="12"/>
      <c r="Q113" s="12"/>
    </row>
    <row r="114" spans="1:17" x14ac:dyDescent="0.25">
      <c r="C114" s="12"/>
      <c r="D114" s="12"/>
      <c r="E114" s="12"/>
      <c r="F114" s="12"/>
      <c r="G114" s="12"/>
      <c r="H114" s="12"/>
      <c r="I114" s="12"/>
      <c r="J114" s="12"/>
      <c r="K114" s="12"/>
      <c r="L114" s="12"/>
      <c r="M114" s="12"/>
      <c r="N114" s="12"/>
      <c r="O114" s="12"/>
      <c r="P114" s="12"/>
      <c r="Q114" s="12"/>
    </row>
    <row r="115" spans="1:17" x14ac:dyDescent="0.25">
      <c r="A115" s="10" t="s">
        <v>6</v>
      </c>
      <c r="B115" s="10" t="s">
        <v>676</v>
      </c>
      <c r="C115" s="14" t="s">
        <v>645</v>
      </c>
      <c r="D115" s="12"/>
      <c r="E115" s="12"/>
      <c r="F115" s="12"/>
      <c r="G115" s="12"/>
      <c r="H115" s="12"/>
      <c r="I115" s="12"/>
      <c r="J115" s="12"/>
      <c r="K115" s="12"/>
      <c r="L115" s="12"/>
      <c r="M115" s="12"/>
      <c r="N115" s="12"/>
      <c r="O115" s="12"/>
      <c r="P115" s="12"/>
      <c r="Q115" s="12"/>
    </row>
    <row r="116" spans="1:17" x14ac:dyDescent="0.25">
      <c r="A116" s="10" t="s">
        <v>7</v>
      </c>
      <c r="B116" s="10" t="s">
        <v>7</v>
      </c>
      <c r="C116" s="14" t="s">
        <v>7</v>
      </c>
      <c r="D116" s="12"/>
      <c r="E116" s="12"/>
      <c r="F116" s="12"/>
      <c r="G116" s="12"/>
      <c r="H116" s="12"/>
      <c r="I116" s="12"/>
      <c r="J116" s="12"/>
      <c r="K116" s="12"/>
      <c r="L116" s="12"/>
      <c r="M116" s="12"/>
      <c r="N116" s="12"/>
      <c r="O116" s="12"/>
      <c r="P116" s="12"/>
      <c r="Q116" s="12"/>
    </row>
    <row r="117" spans="1:17" x14ac:dyDescent="0.25">
      <c r="A117" s="2" t="s">
        <v>154</v>
      </c>
      <c r="B117" s="4" t="s">
        <v>646</v>
      </c>
      <c r="C117" s="13">
        <v>0</v>
      </c>
      <c r="D117" s="12"/>
      <c r="E117" s="12"/>
      <c r="F117" s="12"/>
      <c r="G117" s="12"/>
      <c r="H117" s="12"/>
      <c r="I117" s="12"/>
      <c r="J117" s="12"/>
      <c r="K117" s="12"/>
      <c r="L117" s="12"/>
      <c r="M117" s="12"/>
      <c r="N117" s="12"/>
      <c r="O117" s="12"/>
      <c r="P117" s="12"/>
      <c r="Q117" s="12"/>
    </row>
    <row r="118" spans="1:17" x14ac:dyDescent="0.25">
      <c r="A118" s="2" t="s">
        <v>155</v>
      </c>
      <c r="B118" s="4" t="s">
        <v>647</v>
      </c>
      <c r="C118" s="13">
        <v>0</v>
      </c>
      <c r="D118" s="12"/>
      <c r="E118" s="12"/>
      <c r="F118" s="12"/>
      <c r="G118" s="12"/>
      <c r="H118" s="12"/>
      <c r="I118" s="12"/>
      <c r="J118" s="12"/>
      <c r="K118" s="12"/>
      <c r="L118" s="12"/>
      <c r="M118" s="12"/>
      <c r="N118" s="12"/>
      <c r="O118" s="12"/>
      <c r="P118" s="12"/>
      <c r="Q118" s="12"/>
    </row>
    <row r="119" spans="1:17" x14ac:dyDescent="0.25">
      <c r="A119" s="2" t="s">
        <v>157</v>
      </c>
      <c r="B119" s="4" t="s">
        <v>648</v>
      </c>
      <c r="C119" s="13">
        <v>0</v>
      </c>
      <c r="D119" s="12"/>
      <c r="E119" s="12"/>
      <c r="F119" s="12"/>
      <c r="G119" s="12"/>
      <c r="H119" s="12"/>
      <c r="I119" s="12"/>
      <c r="J119" s="12"/>
      <c r="K119" s="12"/>
      <c r="L119" s="12"/>
      <c r="M119" s="12"/>
      <c r="N119" s="12"/>
      <c r="O119" s="12"/>
      <c r="P119" s="12"/>
      <c r="Q119" s="12"/>
    </row>
    <row r="120" spans="1:17" x14ac:dyDescent="0.25">
      <c r="C120" s="12"/>
      <c r="D120" s="12"/>
      <c r="E120" s="12"/>
      <c r="F120" s="12"/>
      <c r="G120" s="12"/>
      <c r="H120" s="12"/>
      <c r="I120" s="12"/>
      <c r="J120" s="12"/>
      <c r="K120" s="12"/>
      <c r="L120" s="12"/>
      <c r="M120" s="12"/>
      <c r="N120" s="12"/>
      <c r="O120" s="12"/>
      <c r="P120" s="12"/>
      <c r="Q120" s="12"/>
    </row>
    <row r="121" spans="1:17" x14ac:dyDescent="0.25">
      <c r="A121" s="10" t="s">
        <v>6</v>
      </c>
      <c r="B121" s="10" t="s">
        <v>677</v>
      </c>
      <c r="C121" s="14" t="s">
        <v>10</v>
      </c>
      <c r="D121" s="14" t="s">
        <v>600</v>
      </c>
      <c r="E121" s="12"/>
      <c r="F121" s="12"/>
      <c r="G121" s="12"/>
      <c r="H121" s="12"/>
      <c r="I121" s="12"/>
      <c r="J121" s="12"/>
      <c r="K121" s="12"/>
      <c r="L121" s="12"/>
      <c r="M121" s="12"/>
      <c r="N121" s="12"/>
      <c r="O121" s="12"/>
      <c r="P121" s="12"/>
      <c r="Q121" s="12"/>
    </row>
    <row r="122" spans="1:17" x14ac:dyDescent="0.25">
      <c r="A122" s="10" t="s">
        <v>7</v>
      </c>
      <c r="B122" s="10" t="s">
        <v>7</v>
      </c>
      <c r="C122" s="14" t="s">
        <v>7</v>
      </c>
      <c r="D122" s="14" t="s">
        <v>7</v>
      </c>
      <c r="E122" s="12"/>
      <c r="F122" s="12"/>
      <c r="G122" s="12"/>
      <c r="H122" s="12"/>
      <c r="I122" s="12"/>
      <c r="J122" s="12"/>
      <c r="K122" s="12"/>
      <c r="L122" s="12"/>
      <c r="M122" s="12"/>
      <c r="N122" s="12"/>
      <c r="O122" s="12"/>
      <c r="P122" s="12"/>
      <c r="Q122" s="12"/>
    </row>
    <row r="123" spans="1:17" x14ac:dyDescent="0.25">
      <c r="A123" s="2" t="s">
        <v>159</v>
      </c>
      <c r="B123" s="4" t="s">
        <v>678</v>
      </c>
      <c r="C123" s="13">
        <v>14488500</v>
      </c>
      <c r="D123" s="13">
        <v>5526536.0700000003</v>
      </c>
      <c r="E123" s="12"/>
      <c r="F123" s="12"/>
      <c r="G123" s="12"/>
      <c r="H123" s="12"/>
      <c r="I123" s="12"/>
      <c r="J123" s="12"/>
      <c r="K123" s="12"/>
      <c r="L123" s="12"/>
      <c r="M123" s="12"/>
      <c r="N123" s="12"/>
      <c r="O123" s="12"/>
      <c r="P123" s="12"/>
      <c r="Q123" s="12"/>
    </row>
    <row r="124" spans="1:17" x14ac:dyDescent="0.25">
      <c r="A124" s="2" t="s">
        <v>161</v>
      </c>
      <c r="B124" s="4" t="s">
        <v>679</v>
      </c>
      <c r="C124" s="13">
        <v>14488500</v>
      </c>
      <c r="D124" s="13">
        <v>5526536.0700000003</v>
      </c>
      <c r="E124" s="12"/>
      <c r="F124" s="12"/>
      <c r="G124" s="12"/>
      <c r="H124" s="12"/>
      <c r="I124" s="12"/>
      <c r="J124" s="12"/>
      <c r="K124" s="12"/>
      <c r="L124" s="12"/>
      <c r="M124" s="12"/>
      <c r="N124" s="12"/>
      <c r="O124" s="12"/>
      <c r="P124" s="12"/>
      <c r="Q124" s="12"/>
    </row>
    <row r="125" spans="1:17" x14ac:dyDescent="0.25">
      <c r="C125" s="12"/>
      <c r="D125" s="12"/>
      <c r="E125" s="12"/>
      <c r="F125" s="12"/>
      <c r="G125" s="12"/>
      <c r="H125" s="12"/>
      <c r="I125" s="12"/>
      <c r="J125" s="12"/>
      <c r="K125" s="12"/>
      <c r="L125" s="12"/>
      <c r="M125" s="12"/>
      <c r="N125" s="12"/>
      <c r="O125" s="12"/>
      <c r="P125" s="12"/>
      <c r="Q125" s="12"/>
    </row>
    <row r="126" spans="1:17" x14ac:dyDescent="0.25">
      <c r="A126" s="10" t="s">
        <v>6</v>
      </c>
      <c r="B126" s="10" t="s">
        <v>680</v>
      </c>
      <c r="C126" s="14" t="s">
        <v>622</v>
      </c>
      <c r="D126" s="14" t="s">
        <v>623</v>
      </c>
      <c r="E126" s="14" t="s">
        <v>624</v>
      </c>
      <c r="F126" s="14" t="s">
        <v>625</v>
      </c>
      <c r="G126" s="14" t="s">
        <v>626</v>
      </c>
      <c r="H126" s="12"/>
      <c r="I126" s="12"/>
      <c r="J126" s="12"/>
      <c r="K126" s="12"/>
      <c r="L126" s="12"/>
      <c r="M126" s="12"/>
      <c r="N126" s="12"/>
      <c r="O126" s="12"/>
      <c r="P126" s="12"/>
      <c r="Q126" s="12"/>
    </row>
    <row r="127" spans="1:17" x14ac:dyDescent="0.25">
      <c r="A127" s="10" t="s">
        <v>7</v>
      </c>
      <c r="B127" s="10" t="s">
        <v>7</v>
      </c>
      <c r="C127" s="14" t="s">
        <v>7</v>
      </c>
      <c r="D127" s="14" t="s">
        <v>7</v>
      </c>
      <c r="E127" s="14" t="s">
        <v>7</v>
      </c>
      <c r="F127" s="14" t="s">
        <v>7</v>
      </c>
      <c r="G127" s="14" t="s">
        <v>7</v>
      </c>
      <c r="H127" s="12"/>
      <c r="I127" s="12"/>
      <c r="J127" s="12"/>
      <c r="K127" s="12"/>
      <c r="L127" s="12"/>
      <c r="M127" s="12"/>
      <c r="N127" s="12"/>
      <c r="O127" s="12"/>
      <c r="P127" s="12"/>
      <c r="Q127" s="12"/>
    </row>
    <row r="128" spans="1:17" x14ac:dyDescent="0.25">
      <c r="A128" s="3" t="s">
        <v>163</v>
      </c>
      <c r="B128" s="5" t="s">
        <v>681</v>
      </c>
      <c r="C128" s="11">
        <v>14420000</v>
      </c>
      <c r="D128" s="11">
        <v>5264481.53</v>
      </c>
      <c r="E128" s="11">
        <v>4593072.83</v>
      </c>
      <c r="F128" s="11">
        <v>4573192.43</v>
      </c>
      <c r="G128" s="11">
        <v>0</v>
      </c>
      <c r="H128" s="12"/>
      <c r="I128" s="12"/>
      <c r="J128" s="12"/>
      <c r="K128" s="12"/>
      <c r="L128" s="12"/>
      <c r="M128" s="12"/>
      <c r="N128" s="12"/>
      <c r="O128" s="12"/>
      <c r="P128" s="12"/>
      <c r="Q128" s="12"/>
    </row>
    <row r="129" spans="1:17" x14ac:dyDescent="0.25">
      <c r="A129" s="2" t="s">
        <v>165</v>
      </c>
      <c r="B129" s="4" t="s">
        <v>682</v>
      </c>
      <c r="C129" s="13">
        <v>3662350</v>
      </c>
      <c r="D129" s="13">
        <v>2669875.38</v>
      </c>
      <c r="E129" s="13">
        <v>2584845.48</v>
      </c>
      <c r="F129" s="13">
        <v>2564965.08</v>
      </c>
      <c r="G129" s="13">
        <v>0</v>
      </c>
      <c r="H129" s="12"/>
      <c r="I129" s="12"/>
      <c r="J129" s="12"/>
      <c r="K129" s="12"/>
      <c r="L129" s="12"/>
      <c r="M129" s="12"/>
      <c r="N129" s="12"/>
      <c r="O129" s="12"/>
      <c r="P129" s="12"/>
      <c r="Q129" s="12"/>
    </row>
    <row r="130" spans="1:17" x14ac:dyDescent="0.25">
      <c r="A130" s="2" t="s">
        <v>178</v>
      </c>
      <c r="B130" s="4" t="s">
        <v>683</v>
      </c>
      <c r="C130" s="13">
        <v>10757650</v>
      </c>
      <c r="D130" s="13">
        <v>2594606.15</v>
      </c>
      <c r="E130" s="13">
        <v>2008227.35</v>
      </c>
      <c r="F130" s="13">
        <v>2008227.35</v>
      </c>
      <c r="G130" s="13">
        <v>0</v>
      </c>
      <c r="H130" s="12"/>
      <c r="I130" s="12"/>
      <c r="J130" s="12"/>
      <c r="K130" s="12"/>
      <c r="L130" s="12"/>
      <c r="M130" s="12"/>
      <c r="N130" s="12"/>
      <c r="O130" s="12"/>
      <c r="P130" s="12"/>
      <c r="Q130" s="12"/>
    </row>
    <row r="131" spans="1:17" x14ac:dyDescent="0.25">
      <c r="A131" s="2" t="s">
        <v>180</v>
      </c>
      <c r="B131" s="4" t="s">
        <v>684</v>
      </c>
      <c r="C131" s="13">
        <v>68500</v>
      </c>
      <c r="D131" s="13">
        <v>67992</v>
      </c>
      <c r="E131" s="13">
        <v>0</v>
      </c>
      <c r="F131" s="13">
        <v>0</v>
      </c>
      <c r="G131" s="13">
        <v>0</v>
      </c>
      <c r="H131" s="12"/>
      <c r="I131" s="12"/>
      <c r="J131" s="12"/>
      <c r="K131" s="12"/>
      <c r="L131" s="12"/>
      <c r="M131" s="12"/>
      <c r="N131" s="12"/>
      <c r="O131" s="12"/>
      <c r="P131" s="12"/>
      <c r="Q131" s="12"/>
    </row>
    <row r="132" spans="1:17" x14ac:dyDescent="0.25">
      <c r="A132" s="3" t="s">
        <v>182</v>
      </c>
      <c r="B132" s="5" t="s">
        <v>685</v>
      </c>
      <c r="C132" s="11">
        <v>14488500</v>
      </c>
      <c r="D132" s="11">
        <v>5332473.53</v>
      </c>
      <c r="E132" s="11">
        <v>4593072.83</v>
      </c>
      <c r="F132" s="11">
        <v>4573192.43</v>
      </c>
      <c r="G132" s="11">
        <v>0</v>
      </c>
      <c r="H132" s="12"/>
      <c r="I132" s="12"/>
      <c r="J132" s="12"/>
      <c r="K132" s="12"/>
      <c r="L132" s="12"/>
      <c r="M132" s="12"/>
      <c r="N132" s="12"/>
      <c r="O132" s="12"/>
      <c r="P132" s="12"/>
      <c r="Q132" s="12"/>
    </row>
    <row r="133" spans="1:17" x14ac:dyDescent="0.25">
      <c r="C133" s="12"/>
      <c r="D133" s="12"/>
      <c r="E133" s="12"/>
      <c r="F133" s="12"/>
      <c r="G133" s="12"/>
      <c r="H133" s="12"/>
      <c r="I133" s="12"/>
      <c r="J133" s="12"/>
      <c r="K133" s="12"/>
      <c r="L133" s="12"/>
      <c r="M133" s="12"/>
      <c r="N133" s="12"/>
      <c r="O133" s="12"/>
      <c r="P133" s="12"/>
      <c r="Q133" s="12"/>
    </row>
    <row r="134" spans="1:17" x14ac:dyDescent="0.25">
      <c r="A134" s="10" t="s">
        <v>6</v>
      </c>
      <c r="B134" s="10" t="s">
        <v>686</v>
      </c>
      <c r="C134" s="14" t="s">
        <v>622</v>
      </c>
      <c r="D134" s="14" t="s">
        <v>623</v>
      </c>
      <c r="E134" s="14" t="s">
        <v>624</v>
      </c>
      <c r="F134" s="14" t="s">
        <v>625</v>
      </c>
      <c r="G134" s="14" t="s">
        <v>626</v>
      </c>
      <c r="H134" s="12"/>
      <c r="I134" s="12"/>
      <c r="J134" s="12"/>
      <c r="K134" s="12"/>
      <c r="L134" s="12"/>
      <c r="M134" s="12"/>
      <c r="N134" s="12"/>
      <c r="O134" s="12"/>
      <c r="P134" s="12"/>
      <c r="Q134" s="12"/>
    </row>
    <row r="135" spans="1:17" x14ac:dyDescent="0.25">
      <c r="A135" s="10" t="s">
        <v>7</v>
      </c>
      <c r="B135" s="10" t="s">
        <v>7</v>
      </c>
      <c r="C135" s="14" t="s">
        <v>7</v>
      </c>
      <c r="D135" s="14" t="s">
        <v>7</v>
      </c>
      <c r="E135" s="14" t="s">
        <v>7</v>
      </c>
      <c r="F135" s="14" t="s">
        <v>7</v>
      </c>
      <c r="G135" s="14" t="s">
        <v>7</v>
      </c>
      <c r="H135" s="12"/>
      <c r="I135" s="12"/>
      <c r="J135" s="12"/>
      <c r="K135" s="12"/>
      <c r="L135" s="12"/>
      <c r="M135" s="12"/>
      <c r="N135" s="12"/>
      <c r="O135" s="12"/>
      <c r="P135" s="12"/>
      <c r="Q135" s="12"/>
    </row>
    <row r="136" spans="1:17" x14ac:dyDescent="0.25">
      <c r="A136" s="2" t="s">
        <v>184</v>
      </c>
      <c r="B136" s="4" t="s">
        <v>687</v>
      </c>
      <c r="C136" s="13">
        <v>0</v>
      </c>
      <c r="D136" s="13">
        <v>194062.54</v>
      </c>
      <c r="E136" s="13">
        <v>933463.24</v>
      </c>
      <c r="F136" s="13">
        <v>953343.64</v>
      </c>
      <c r="G136" s="13">
        <v>0</v>
      </c>
      <c r="H136" s="12"/>
      <c r="I136" s="12"/>
      <c r="J136" s="12"/>
      <c r="K136" s="12"/>
      <c r="L136" s="12"/>
      <c r="M136" s="12"/>
      <c r="N136" s="12"/>
      <c r="O136" s="12"/>
      <c r="P136" s="12"/>
      <c r="Q136" s="12"/>
    </row>
    <row r="137" spans="1:17" x14ac:dyDescent="0.25"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  <c r="N137" s="12"/>
      <c r="O137" s="12"/>
      <c r="P137" s="12"/>
      <c r="Q137" s="12"/>
    </row>
    <row r="138" spans="1:17" x14ac:dyDescent="0.25">
      <c r="A138" s="10" t="s">
        <v>6</v>
      </c>
      <c r="B138" s="10" t="s">
        <v>688</v>
      </c>
      <c r="C138" s="14" t="s">
        <v>645</v>
      </c>
      <c r="D138" s="12"/>
      <c r="E138" s="12"/>
      <c r="F138" s="12"/>
      <c r="G138" s="12"/>
      <c r="H138" s="12"/>
      <c r="I138" s="12"/>
      <c r="J138" s="12"/>
      <c r="K138" s="12"/>
      <c r="L138" s="12"/>
      <c r="M138" s="12"/>
      <c r="N138" s="12"/>
      <c r="O138" s="12"/>
      <c r="P138" s="12"/>
      <c r="Q138" s="12"/>
    </row>
    <row r="139" spans="1:17" x14ac:dyDescent="0.25">
      <c r="A139" s="10" t="s">
        <v>7</v>
      </c>
      <c r="B139" s="10" t="s">
        <v>7</v>
      </c>
      <c r="C139" s="14" t="s">
        <v>7</v>
      </c>
      <c r="D139" s="12"/>
      <c r="E139" s="12"/>
      <c r="F139" s="12"/>
      <c r="G139" s="12"/>
      <c r="H139" s="12"/>
      <c r="I139" s="12"/>
      <c r="J139" s="12"/>
      <c r="K139" s="12"/>
      <c r="L139" s="12"/>
      <c r="M139" s="12"/>
      <c r="N139" s="12"/>
      <c r="O139" s="12"/>
      <c r="P139" s="12"/>
      <c r="Q139" s="12"/>
    </row>
    <row r="140" spans="1:17" x14ac:dyDescent="0.25">
      <c r="A140" s="2" t="s">
        <v>186</v>
      </c>
      <c r="B140" s="4" t="s">
        <v>646</v>
      </c>
      <c r="C140" s="13">
        <v>1117398.71</v>
      </c>
      <c r="D140" s="12"/>
      <c r="E140" s="12"/>
      <c r="F140" s="12"/>
      <c r="G140" s="12"/>
      <c r="H140" s="12"/>
      <c r="I140" s="12"/>
      <c r="J140" s="12"/>
      <c r="K140" s="12"/>
      <c r="L140" s="12"/>
      <c r="M140" s="12"/>
      <c r="N140" s="12"/>
      <c r="O140" s="12"/>
      <c r="P140" s="12"/>
      <c r="Q140" s="12"/>
    </row>
    <row r="141" spans="1:17" x14ac:dyDescent="0.25">
      <c r="A141" s="2" t="s">
        <v>188</v>
      </c>
      <c r="B141" s="4" t="s">
        <v>647</v>
      </c>
      <c r="C141" s="13">
        <v>0</v>
      </c>
      <c r="D141" s="12"/>
      <c r="E141" s="12"/>
      <c r="F141" s="12"/>
      <c r="G141" s="12"/>
      <c r="H141" s="12"/>
      <c r="I141" s="12"/>
      <c r="J141" s="12"/>
      <c r="K141" s="12"/>
      <c r="L141" s="12"/>
      <c r="M141" s="12"/>
      <c r="N141" s="12"/>
      <c r="O141" s="12"/>
      <c r="P141" s="12"/>
      <c r="Q141" s="12"/>
    </row>
    <row r="142" spans="1:17" x14ac:dyDescent="0.25">
      <c r="A142" s="2" t="s">
        <v>190</v>
      </c>
      <c r="B142" s="4" t="s">
        <v>648</v>
      </c>
      <c r="C142" s="13">
        <v>0</v>
      </c>
      <c r="D142" s="12"/>
      <c r="E142" s="12"/>
      <c r="F142" s="12"/>
      <c r="G142" s="12"/>
      <c r="H142" s="12"/>
      <c r="I142" s="12"/>
      <c r="J142" s="12"/>
      <c r="K142" s="12"/>
      <c r="L142" s="12"/>
      <c r="M142" s="12"/>
      <c r="N142" s="12"/>
      <c r="O142" s="12"/>
      <c r="P142" s="12"/>
      <c r="Q142" s="12"/>
    </row>
    <row r="143" spans="1:17" x14ac:dyDescent="0.25">
      <c r="C143" s="12"/>
      <c r="D143" s="12"/>
      <c r="E143" s="12"/>
      <c r="F143" s="12"/>
      <c r="G143" s="12"/>
      <c r="H143" s="12"/>
      <c r="I143" s="12"/>
      <c r="J143" s="12"/>
      <c r="K143" s="12"/>
      <c r="L143" s="12"/>
      <c r="M143" s="12"/>
      <c r="N143" s="12"/>
      <c r="O143" s="12"/>
      <c r="P143" s="12"/>
      <c r="Q143" s="12"/>
    </row>
    <row r="144" spans="1:17" x14ac:dyDescent="0.25">
      <c r="A144" s="10" t="s">
        <v>6</v>
      </c>
      <c r="B144" s="10" t="s">
        <v>689</v>
      </c>
      <c r="C144" s="14" t="s">
        <v>10</v>
      </c>
      <c r="D144" s="14" t="s">
        <v>600</v>
      </c>
      <c r="E144" s="12"/>
      <c r="F144" s="12"/>
      <c r="G144" s="12"/>
      <c r="H144" s="12"/>
      <c r="I144" s="12"/>
      <c r="J144" s="12"/>
      <c r="K144" s="12"/>
      <c r="L144" s="12"/>
      <c r="M144" s="12"/>
      <c r="N144" s="12"/>
      <c r="O144" s="12"/>
      <c r="P144" s="12"/>
      <c r="Q144" s="12"/>
    </row>
    <row r="145" spans="1:17" x14ac:dyDescent="0.25">
      <c r="A145" s="10" t="s">
        <v>7</v>
      </c>
      <c r="B145" s="10" t="s">
        <v>7</v>
      </c>
      <c r="C145" s="14" t="s">
        <v>7</v>
      </c>
      <c r="D145" s="14" t="s">
        <v>7</v>
      </c>
      <c r="E145" s="12"/>
      <c r="F145" s="12"/>
      <c r="G145" s="12"/>
      <c r="H145" s="12"/>
      <c r="I145" s="12"/>
      <c r="J145" s="12"/>
      <c r="K145" s="12"/>
      <c r="L145" s="12"/>
      <c r="M145" s="12"/>
      <c r="N145" s="12"/>
      <c r="O145" s="12"/>
      <c r="P145" s="12"/>
      <c r="Q145" s="12"/>
    </row>
    <row r="146" spans="1:17" x14ac:dyDescent="0.25">
      <c r="A146" s="2" t="s">
        <v>192</v>
      </c>
      <c r="B146" s="4" t="s">
        <v>690</v>
      </c>
      <c r="C146" s="13">
        <v>0</v>
      </c>
      <c r="D146" s="13">
        <v>0</v>
      </c>
      <c r="E146" s="12"/>
      <c r="F146" s="12"/>
      <c r="G146" s="12"/>
      <c r="H146" s="12"/>
      <c r="I146" s="12"/>
      <c r="J146" s="12"/>
      <c r="K146" s="12"/>
      <c r="L146" s="12"/>
      <c r="M146" s="12"/>
      <c r="N146" s="12"/>
      <c r="O146" s="12"/>
      <c r="P146" s="12"/>
      <c r="Q146" s="12"/>
    </row>
    <row r="147" spans="1:17" x14ac:dyDescent="0.25">
      <c r="A147" s="2" t="s">
        <v>194</v>
      </c>
      <c r="B147" s="4" t="s">
        <v>691</v>
      </c>
      <c r="C147" s="13">
        <v>0</v>
      </c>
      <c r="D147" s="13">
        <v>0</v>
      </c>
      <c r="E147" s="12"/>
      <c r="F147" s="12"/>
      <c r="G147" s="12"/>
      <c r="H147" s="12"/>
      <c r="I147" s="12"/>
      <c r="J147" s="12"/>
      <c r="K147" s="12"/>
      <c r="L147" s="12"/>
      <c r="M147" s="12"/>
      <c r="N147" s="12"/>
      <c r="O147" s="12"/>
      <c r="P147" s="12"/>
      <c r="Q147" s="12"/>
    </row>
    <row r="148" spans="1:17" x14ac:dyDescent="0.25">
      <c r="A148" s="3" t="s">
        <v>196</v>
      </c>
      <c r="B148" s="5" t="s">
        <v>692</v>
      </c>
      <c r="C148" s="11">
        <v>0</v>
      </c>
      <c r="D148" s="11">
        <v>0</v>
      </c>
      <c r="E148" s="12"/>
      <c r="F148" s="12"/>
      <c r="G148" s="12"/>
      <c r="H148" s="12"/>
      <c r="I148" s="12"/>
      <c r="J148" s="12"/>
      <c r="K148" s="12"/>
      <c r="L148" s="12"/>
      <c r="M148" s="12"/>
      <c r="N148" s="12"/>
      <c r="O148" s="12"/>
      <c r="P148" s="12"/>
      <c r="Q148" s="12"/>
    </row>
    <row r="149" spans="1:17" x14ac:dyDescent="0.25">
      <c r="C149" s="12"/>
      <c r="D149" s="12"/>
      <c r="E149" s="12"/>
      <c r="F149" s="12"/>
      <c r="G149" s="12"/>
      <c r="H149" s="12"/>
      <c r="I149" s="12"/>
      <c r="J149" s="12"/>
      <c r="K149" s="12"/>
      <c r="L149" s="12"/>
      <c r="M149" s="12"/>
      <c r="N149" s="12"/>
      <c r="O149" s="12"/>
      <c r="P149" s="12"/>
      <c r="Q149" s="12"/>
    </row>
    <row r="150" spans="1:17" x14ac:dyDescent="0.25">
      <c r="A150" s="10" t="s">
        <v>6</v>
      </c>
      <c r="B150" s="10" t="s">
        <v>693</v>
      </c>
      <c r="C150" s="14" t="s">
        <v>622</v>
      </c>
      <c r="D150" s="14" t="s">
        <v>623</v>
      </c>
      <c r="E150" s="14" t="s">
        <v>624</v>
      </c>
      <c r="F150" s="14" t="s">
        <v>625</v>
      </c>
      <c r="G150" s="14" t="s">
        <v>626</v>
      </c>
      <c r="H150" s="12"/>
      <c r="I150" s="12"/>
      <c r="J150" s="12"/>
      <c r="K150" s="12"/>
      <c r="L150" s="12"/>
      <c r="M150" s="12"/>
      <c r="N150" s="12"/>
      <c r="O150" s="12"/>
      <c r="P150" s="12"/>
      <c r="Q150" s="12"/>
    </row>
    <row r="151" spans="1:17" x14ac:dyDescent="0.25">
      <c r="A151" s="10" t="s">
        <v>7</v>
      </c>
      <c r="B151" s="10" t="s">
        <v>7</v>
      </c>
      <c r="C151" s="14" t="s">
        <v>7</v>
      </c>
      <c r="D151" s="14" t="s">
        <v>7</v>
      </c>
      <c r="E151" s="14" t="s">
        <v>7</v>
      </c>
      <c r="F151" s="14" t="s">
        <v>7</v>
      </c>
      <c r="G151" s="14" t="s">
        <v>7</v>
      </c>
      <c r="H151" s="12"/>
      <c r="I151" s="12"/>
      <c r="J151" s="12"/>
      <c r="K151" s="12"/>
      <c r="L151" s="12"/>
      <c r="M151" s="12"/>
      <c r="N151" s="12"/>
      <c r="O151" s="12"/>
      <c r="P151" s="12"/>
      <c r="Q151" s="12"/>
    </row>
    <row r="152" spans="1:17" x14ac:dyDescent="0.25">
      <c r="A152" s="2" t="s">
        <v>198</v>
      </c>
      <c r="B152" s="4" t="s">
        <v>694</v>
      </c>
      <c r="C152" s="13">
        <v>600371101.76999998</v>
      </c>
      <c r="D152" s="13">
        <v>246812070.19</v>
      </c>
      <c r="E152" s="13">
        <v>243548234.72999999</v>
      </c>
      <c r="F152" s="13">
        <v>243548234.72999999</v>
      </c>
      <c r="G152" s="13">
        <v>0</v>
      </c>
      <c r="H152" s="12"/>
      <c r="I152" s="12"/>
      <c r="J152" s="12"/>
      <c r="K152" s="12"/>
      <c r="L152" s="12"/>
      <c r="M152" s="12"/>
      <c r="N152" s="12"/>
      <c r="O152" s="12"/>
      <c r="P152" s="12"/>
      <c r="Q152" s="12"/>
    </row>
    <row r="153" spans="1:17" x14ac:dyDescent="0.25">
      <c r="A153" s="2" t="s">
        <v>200</v>
      </c>
      <c r="B153" s="4" t="s">
        <v>695</v>
      </c>
      <c r="C153" s="13">
        <v>46964862.030000001</v>
      </c>
      <c r="D153" s="13">
        <v>43139951.670000002</v>
      </c>
      <c r="E153" s="13">
        <v>42405762.280000001</v>
      </c>
      <c r="F153" s="13">
        <v>42405762.280000001</v>
      </c>
      <c r="G153" s="13">
        <v>0</v>
      </c>
      <c r="H153" s="12"/>
      <c r="I153" s="12"/>
      <c r="J153" s="12"/>
      <c r="K153" s="12"/>
      <c r="L153" s="12"/>
      <c r="M153" s="12"/>
      <c r="N153" s="12"/>
      <c r="O153" s="12"/>
      <c r="P153" s="12"/>
      <c r="Q153" s="12"/>
    </row>
    <row r="154" spans="1:17" x14ac:dyDescent="0.25">
      <c r="A154" s="2" t="s">
        <v>202</v>
      </c>
      <c r="B154" s="4" t="s">
        <v>630</v>
      </c>
      <c r="C154" s="13">
        <v>4884829.47</v>
      </c>
      <c r="D154" s="13">
        <v>565060.14</v>
      </c>
      <c r="E154" s="13">
        <v>564960.54</v>
      </c>
      <c r="F154" s="13">
        <v>564960.54</v>
      </c>
      <c r="G154" s="13">
        <v>0</v>
      </c>
      <c r="H154" s="12"/>
      <c r="I154" s="12"/>
      <c r="J154" s="12"/>
      <c r="K154" s="12"/>
      <c r="L154" s="12"/>
      <c r="M154" s="12"/>
      <c r="N154" s="12"/>
      <c r="O154" s="12"/>
      <c r="P154" s="12"/>
      <c r="Q154" s="12"/>
    </row>
    <row r="155" spans="1:17" x14ac:dyDescent="0.25">
      <c r="A155" s="3" t="s">
        <v>204</v>
      </c>
      <c r="B155" s="5" t="s">
        <v>696</v>
      </c>
      <c r="C155" s="11">
        <v>652220793.26999998</v>
      </c>
      <c r="D155" s="11">
        <v>290517082</v>
      </c>
      <c r="E155" s="11">
        <v>286518957.55000001</v>
      </c>
      <c r="F155" s="11">
        <v>286518957.55000001</v>
      </c>
      <c r="G155" s="11">
        <v>0</v>
      </c>
      <c r="H155" s="12"/>
      <c r="I155" s="12"/>
      <c r="J155" s="12"/>
      <c r="K155" s="12"/>
      <c r="L155" s="12"/>
      <c r="M155" s="12"/>
      <c r="N155" s="12"/>
      <c r="O155" s="12"/>
      <c r="P155" s="12"/>
      <c r="Q155" s="12"/>
    </row>
    <row r="156" spans="1:17" x14ac:dyDescent="0.25">
      <c r="C156" s="12"/>
      <c r="D156" s="12"/>
      <c r="E156" s="12"/>
      <c r="F156" s="12"/>
      <c r="G156" s="12"/>
      <c r="H156" s="12"/>
      <c r="I156" s="12"/>
      <c r="J156" s="12"/>
      <c r="K156" s="12"/>
      <c r="L156" s="12"/>
      <c r="M156" s="12"/>
      <c r="N156" s="12"/>
      <c r="O156" s="12"/>
      <c r="P156" s="12"/>
      <c r="Q156" s="12"/>
    </row>
    <row r="157" spans="1:17" x14ac:dyDescent="0.25">
      <c r="A157" s="10" t="s">
        <v>6</v>
      </c>
      <c r="B157" s="10" t="s">
        <v>686</v>
      </c>
      <c r="C157" s="14" t="s">
        <v>622</v>
      </c>
      <c r="D157" s="14" t="s">
        <v>623</v>
      </c>
      <c r="E157" s="14" t="s">
        <v>624</v>
      </c>
      <c r="F157" s="14" t="s">
        <v>625</v>
      </c>
      <c r="G157" s="14" t="s">
        <v>626</v>
      </c>
      <c r="H157" s="12"/>
      <c r="I157" s="12"/>
      <c r="J157" s="12"/>
      <c r="K157" s="12"/>
      <c r="L157" s="12"/>
      <c r="M157" s="12"/>
      <c r="N157" s="12"/>
      <c r="O157" s="12"/>
      <c r="P157" s="12"/>
      <c r="Q157" s="12"/>
    </row>
    <row r="158" spans="1:17" x14ac:dyDescent="0.25">
      <c r="A158" s="10" t="s">
        <v>7</v>
      </c>
      <c r="B158" s="10" t="s">
        <v>7</v>
      </c>
      <c r="C158" s="14" t="s">
        <v>7</v>
      </c>
      <c r="D158" s="14" t="s">
        <v>7</v>
      </c>
      <c r="E158" s="14" t="s">
        <v>7</v>
      </c>
      <c r="F158" s="14" t="s">
        <v>7</v>
      </c>
      <c r="G158" s="14" t="s">
        <v>7</v>
      </c>
      <c r="H158" s="12"/>
      <c r="I158" s="12"/>
      <c r="J158" s="12"/>
      <c r="K158" s="12"/>
      <c r="L158" s="12"/>
      <c r="M158" s="12"/>
      <c r="N158" s="12"/>
      <c r="O158" s="12"/>
      <c r="P158" s="12"/>
      <c r="Q158" s="12"/>
    </row>
    <row r="159" spans="1:17" x14ac:dyDescent="0.25">
      <c r="A159" s="2" t="s">
        <v>206</v>
      </c>
      <c r="B159" s="4" t="s">
        <v>697</v>
      </c>
      <c r="C159" s="13">
        <v>-652220793.26999998</v>
      </c>
      <c r="D159" s="13">
        <v>-290517082</v>
      </c>
      <c r="E159" s="13">
        <v>-286518957.55000001</v>
      </c>
      <c r="F159" s="13">
        <v>-286518957.55000001</v>
      </c>
      <c r="G159" s="13">
        <v>0</v>
      </c>
      <c r="H159" s="12"/>
      <c r="I159" s="12"/>
      <c r="J159" s="12"/>
      <c r="K159" s="12"/>
      <c r="L159" s="12"/>
      <c r="M159" s="12"/>
      <c r="N159" s="12"/>
      <c r="O159" s="12"/>
      <c r="P159" s="12"/>
      <c r="Q159" s="12"/>
    </row>
    <row r="160" spans="1:17" x14ac:dyDescent="0.25">
      <c r="C160" s="12"/>
      <c r="D160" s="12"/>
      <c r="E160" s="12"/>
      <c r="F160" s="12"/>
      <c r="G160" s="12"/>
      <c r="H160" s="12"/>
      <c r="I160" s="12"/>
      <c r="J160" s="12"/>
      <c r="K160" s="12"/>
      <c r="L160" s="12"/>
      <c r="M160" s="12"/>
      <c r="N160" s="12"/>
      <c r="O160" s="12"/>
      <c r="P160" s="12"/>
      <c r="Q160" s="12"/>
    </row>
    <row r="161" spans="1:17" x14ac:dyDescent="0.25">
      <c r="A161" s="10" t="s">
        <v>6</v>
      </c>
      <c r="B161" s="10" t="s">
        <v>698</v>
      </c>
      <c r="C161" s="14" t="s">
        <v>10</v>
      </c>
      <c r="D161" s="14" t="s">
        <v>600</v>
      </c>
      <c r="E161" s="12"/>
      <c r="F161" s="12"/>
      <c r="G161" s="12"/>
      <c r="H161" s="12"/>
      <c r="I161" s="12"/>
      <c r="J161" s="12"/>
      <c r="K161" s="12"/>
      <c r="L161" s="12"/>
      <c r="M161" s="12"/>
      <c r="N161" s="12"/>
      <c r="O161" s="12"/>
      <c r="P161" s="12"/>
      <c r="Q161" s="12"/>
    </row>
    <row r="162" spans="1:17" x14ac:dyDescent="0.25">
      <c r="A162" s="10" t="s">
        <v>7</v>
      </c>
      <c r="B162" s="10" t="s">
        <v>7</v>
      </c>
      <c r="C162" s="14" t="s">
        <v>7</v>
      </c>
      <c r="D162" s="14" t="s">
        <v>7</v>
      </c>
      <c r="E162" s="12"/>
      <c r="F162" s="12"/>
      <c r="G162" s="12"/>
      <c r="H162" s="12"/>
      <c r="I162" s="12"/>
      <c r="J162" s="12"/>
      <c r="K162" s="12"/>
      <c r="L162" s="12"/>
      <c r="M162" s="12"/>
      <c r="N162" s="12"/>
      <c r="O162" s="12"/>
      <c r="P162" s="12"/>
      <c r="Q162" s="12"/>
    </row>
    <row r="163" spans="1:17" x14ac:dyDescent="0.25">
      <c r="A163" s="2" t="s">
        <v>208</v>
      </c>
      <c r="B163" s="4" t="s">
        <v>699</v>
      </c>
      <c r="C163" s="13">
        <v>39533500</v>
      </c>
      <c r="D163" s="13">
        <v>33505641.93</v>
      </c>
      <c r="E163" s="12"/>
      <c r="F163" s="12"/>
      <c r="G163" s="12"/>
      <c r="H163" s="12"/>
      <c r="I163" s="12"/>
      <c r="J163" s="12"/>
      <c r="K163" s="12"/>
      <c r="L163" s="12"/>
      <c r="M163" s="12"/>
      <c r="N163" s="12"/>
      <c r="O163" s="12"/>
      <c r="P163" s="12"/>
      <c r="Q163" s="12"/>
    </row>
    <row r="164" spans="1:17" x14ac:dyDescent="0.25">
      <c r="A164" s="2" t="s">
        <v>210</v>
      </c>
      <c r="B164" s="4" t="s">
        <v>700</v>
      </c>
      <c r="C164" s="13">
        <v>24936000</v>
      </c>
      <c r="D164" s="13">
        <v>29765843.449999999</v>
      </c>
      <c r="E164" s="12"/>
      <c r="F164" s="12"/>
      <c r="G164" s="12"/>
      <c r="H164" s="12"/>
      <c r="I164" s="12"/>
      <c r="J164" s="12"/>
      <c r="K164" s="12"/>
      <c r="L164" s="12"/>
      <c r="M164" s="12"/>
      <c r="N164" s="12"/>
      <c r="O164" s="12"/>
      <c r="P164" s="12"/>
      <c r="Q164" s="12"/>
    </row>
    <row r="165" spans="1:17" x14ac:dyDescent="0.25">
      <c r="A165" s="2" t="s">
        <v>212</v>
      </c>
      <c r="B165" s="4" t="s">
        <v>701</v>
      </c>
      <c r="C165" s="13">
        <v>4104100</v>
      </c>
      <c r="D165" s="13">
        <v>4876672.88</v>
      </c>
      <c r="E165" s="12"/>
      <c r="F165" s="12"/>
      <c r="G165" s="12"/>
      <c r="H165" s="12"/>
      <c r="I165" s="12"/>
      <c r="J165" s="12"/>
      <c r="K165" s="12"/>
      <c r="L165" s="12"/>
      <c r="M165" s="12"/>
      <c r="N165" s="12"/>
      <c r="O165" s="12"/>
      <c r="P165" s="12"/>
      <c r="Q165" s="12"/>
    </row>
    <row r="166" spans="1:17" x14ac:dyDescent="0.25">
      <c r="A166" s="2" t="s">
        <v>214</v>
      </c>
      <c r="B166" s="4" t="s">
        <v>702</v>
      </c>
      <c r="C166" s="13">
        <v>0</v>
      </c>
      <c r="D166" s="13">
        <v>9343.2900000000009</v>
      </c>
      <c r="E166" s="12"/>
      <c r="F166" s="12"/>
      <c r="G166" s="12"/>
      <c r="H166" s="12"/>
      <c r="I166" s="12"/>
      <c r="J166" s="12"/>
      <c r="K166" s="12"/>
      <c r="L166" s="12"/>
      <c r="M166" s="12"/>
      <c r="N166" s="12"/>
      <c r="O166" s="12"/>
      <c r="P166" s="12"/>
      <c r="Q166" s="12"/>
    </row>
    <row r="167" spans="1:17" x14ac:dyDescent="0.25">
      <c r="A167" s="3" t="s">
        <v>216</v>
      </c>
      <c r="B167" s="5" t="s">
        <v>703</v>
      </c>
      <c r="C167" s="11">
        <v>68573600</v>
      </c>
      <c r="D167" s="11">
        <v>68157501.549999997</v>
      </c>
      <c r="E167" s="12"/>
      <c r="F167" s="12"/>
      <c r="G167" s="12"/>
      <c r="H167" s="12"/>
      <c r="I167" s="12"/>
      <c r="J167" s="12"/>
      <c r="K167" s="12"/>
      <c r="L167" s="12"/>
      <c r="M167" s="12"/>
      <c r="N167" s="12"/>
      <c r="O167" s="12"/>
      <c r="P167" s="12"/>
      <c r="Q167" s="12"/>
    </row>
    <row r="168" spans="1:17" x14ac:dyDescent="0.25">
      <c r="C168" s="12"/>
      <c r="D168" s="12"/>
      <c r="E168" s="12"/>
      <c r="F168" s="12"/>
      <c r="G168" s="12"/>
      <c r="H168" s="12"/>
      <c r="I168" s="12"/>
      <c r="J168" s="12"/>
      <c r="K168" s="12"/>
      <c r="L168" s="12"/>
      <c r="M168" s="12"/>
      <c r="N168" s="12"/>
      <c r="O168" s="12"/>
      <c r="P168" s="12"/>
      <c r="Q168" s="12"/>
    </row>
    <row r="169" spans="1:17" x14ac:dyDescent="0.25">
      <c r="A169" s="10" t="s">
        <v>6</v>
      </c>
      <c r="B169" s="10" t="s">
        <v>704</v>
      </c>
      <c r="C169" s="14" t="s">
        <v>622</v>
      </c>
      <c r="D169" s="14" t="s">
        <v>623</v>
      </c>
      <c r="E169" s="14" t="s">
        <v>624</v>
      </c>
      <c r="F169" s="14" t="s">
        <v>625</v>
      </c>
      <c r="G169" s="14" t="s">
        <v>626</v>
      </c>
      <c r="H169" s="12"/>
      <c r="I169" s="12"/>
      <c r="J169" s="12"/>
      <c r="K169" s="12"/>
      <c r="L169" s="12"/>
      <c r="M169" s="12"/>
      <c r="N169" s="12"/>
      <c r="O169" s="12"/>
      <c r="P169" s="12"/>
      <c r="Q169" s="12"/>
    </row>
    <row r="170" spans="1:17" x14ac:dyDescent="0.25">
      <c r="A170" s="10" t="s">
        <v>7</v>
      </c>
      <c r="B170" s="10" t="s">
        <v>7</v>
      </c>
      <c r="C170" s="14" t="s">
        <v>7</v>
      </c>
      <c r="D170" s="14" t="s">
        <v>7</v>
      </c>
      <c r="E170" s="14" t="s">
        <v>7</v>
      </c>
      <c r="F170" s="14" t="s">
        <v>7</v>
      </c>
      <c r="G170" s="14" t="s">
        <v>7</v>
      </c>
      <c r="H170" s="12"/>
      <c r="I170" s="12"/>
      <c r="J170" s="12"/>
      <c r="K170" s="12"/>
      <c r="L170" s="12"/>
      <c r="M170" s="12"/>
      <c r="N170" s="12"/>
      <c r="O170" s="12"/>
      <c r="P170" s="12"/>
      <c r="Q170" s="12"/>
    </row>
    <row r="171" spans="1:17" x14ac:dyDescent="0.25">
      <c r="A171" s="2" t="s">
        <v>217</v>
      </c>
      <c r="B171" s="4" t="s">
        <v>705</v>
      </c>
      <c r="C171" s="13">
        <v>63569500</v>
      </c>
      <c r="D171" s="13">
        <v>63281890.210000001</v>
      </c>
      <c r="E171" s="13">
        <v>63281868.5</v>
      </c>
      <c r="F171" s="13">
        <v>63281868.5</v>
      </c>
      <c r="G171" s="13">
        <v>0</v>
      </c>
      <c r="H171" s="12"/>
      <c r="I171" s="12"/>
      <c r="J171" s="12"/>
      <c r="K171" s="12"/>
      <c r="L171" s="12"/>
      <c r="M171" s="12"/>
      <c r="N171" s="12"/>
      <c r="O171" s="12"/>
      <c r="P171" s="12"/>
      <c r="Q171" s="12"/>
    </row>
    <row r="172" spans="1:17" x14ac:dyDescent="0.25">
      <c r="A172" s="2" t="s">
        <v>218</v>
      </c>
      <c r="B172" s="4" t="s">
        <v>695</v>
      </c>
      <c r="C172" s="13">
        <v>5004100</v>
      </c>
      <c r="D172" s="13">
        <v>4876324.21</v>
      </c>
      <c r="E172" s="13">
        <v>4876322.01</v>
      </c>
      <c r="F172" s="13">
        <v>4876322.01</v>
      </c>
      <c r="G172" s="13">
        <v>0</v>
      </c>
      <c r="H172" s="12"/>
      <c r="I172" s="12"/>
      <c r="J172" s="12"/>
      <c r="K172" s="12"/>
      <c r="L172" s="12"/>
      <c r="M172" s="12"/>
      <c r="N172" s="12"/>
      <c r="O172" s="12"/>
      <c r="P172" s="12"/>
      <c r="Q172" s="12"/>
    </row>
    <row r="173" spans="1:17" x14ac:dyDescent="0.25">
      <c r="A173" s="2" t="s">
        <v>220</v>
      </c>
      <c r="B173" s="4" t="s">
        <v>706</v>
      </c>
      <c r="C173" s="13">
        <v>0</v>
      </c>
      <c r="D173" s="13">
        <v>0</v>
      </c>
      <c r="E173" s="13">
        <v>0</v>
      </c>
      <c r="F173" s="13">
        <v>0</v>
      </c>
      <c r="G173" s="13">
        <v>0</v>
      </c>
      <c r="H173" s="12"/>
      <c r="I173" s="12"/>
      <c r="J173" s="12"/>
      <c r="K173" s="12"/>
      <c r="L173" s="12"/>
      <c r="M173" s="12"/>
      <c r="N173" s="12"/>
      <c r="O173" s="12"/>
      <c r="P173" s="12"/>
      <c r="Q173" s="12"/>
    </row>
    <row r="174" spans="1:17" x14ac:dyDescent="0.25">
      <c r="A174" s="3" t="s">
        <v>222</v>
      </c>
      <c r="B174" s="5" t="s">
        <v>707</v>
      </c>
      <c r="C174" s="11">
        <v>68573600</v>
      </c>
      <c r="D174" s="11">
        <v>68158214.420000002</v>
      </c>
      <c r="E174" s="11">
        <v>68158190.510000005</v>
      </c>
      <c r="F174" s="11">
        <v>68158190.510000005</v>
      </c>
      <c r="G174" s="11">
        <v>0</v>
      </c>
      <c r="H174" s="12"/>
      <c r="I174" s="12"/>
      <c r="J174" s="12"/>
      <c r="K174" s="12"/>
      <c r="L174" s="12"/>
      <c r="M174" s="12"/>
      <c r="N174" s="12"/>
      <c r="O174" s="12"/>
      <c r="P174" s="12"/>
      <c r="Q174" s="12"/>
    </row>
    <row r="175" spans="1:17" x14ac:dyDescent="0.25">
      <c r="C175" s="12"/>
      <c r="D175" s="12"/>
      <c r="E175" s="12"/>
      <c r="F175" s="12"/>
      <c r="G175" s="12"/>
      <c r="H175" s="12"/>
      <c r="I175" s="12"/>
      <c r="J175" s="12"/>
      <c r="K175" s="12"/>
      <c r="L175" s="12"/>
      <c r="M175" s="12"/>
      <c r="N175" s="12"/>
      <c r="O175" s="12"/>
      <c r="P175" s="12"/>
      <c r="Q175" s="12"/>
    </row>
    <row r="176" spans="1:17" x14ac:dyDescent="0.25">
      <c r="A176" s="10" t="s">
        <v>6</v>
      </c>
      <c r="B176" s="10" t="s">
        <v>686</v>
      </c>
      <c r="C176" s="14" t="s">
        <v>622</v>
      </c>
      <c r="D176" s="14" t="s">
        <v>623</v>
      </c>
      <c r="E176" s="14" t="s">
        <v>624</v>
      </c>
      <c r="F176" s="14" t="s">
        <v>625</v>
      </c>
      <c r="G176" s="14" t="s">
        <v>626</v>
      </c>
      <c r="H176" s="12"/>
      <c r="I176" s="12"/>
      <c r="J176" s="12"/>
      <c r="K176" s="12"/>
      <c r="L176" s="12"/>
      <c r="M176" s="12"/>
      <c r="N176" s="12"/>
      <c r="O176" s="12"/>
      <c r="P176" s="12"/>
      <c r="Q176" s="12"/>
    </row>
    <row r="177" spans="1:17" x14ac:dyDescent="0.25">
      <c r="A177" s="10" t="s">
        <v>7</v>
      </c>
      <c r="B177" s="10" t="s">
        <v>7</v>
      </c>
      <c r="C177" s="14" t="s">
        <v>7</v>
      </c>
      <c r="D177" s="14" t="s">
        <v>7</v>
      </c>
      <c r="E177" s="14" t="s">
        <v>7</v>
      </c>
      <c r="F177" s="14" t="s">
        <v>7</v>
      </c>
      <c r="G177" s="14" t="s">
        <v>7</v>
      </c>
      <c r="H177" s="12"/>
      <c r="I177" s="12"/>
      <c r="J177" s="12"/>
      <c r="K177" s="12"/>
      <c r="L177" s="12"/>
      <c r="M177" s="12"/>
      <c r="N177" s="12"/>
      <c r="O177" s="12"/>
      <c r="P177" s="12"/>
      <c r="Q177" s="12"/>
    </row>
    <row r="178" spans="1:17" x14ac:dyDescent="0.25">
      <c r="A178" s="2" t="s">
        <v>224</v>
      </c>
      <c r="B178" s="4" t="s">
        <v>708</v>
      </c>
      <c r="C178" s="13">
        <v>0</v>
      </c>
      <c r="D178" s="13">
        <v>-712.87</v>
      </c>
      <c r="E178" s="13">
        <v>-688.96</v>
      </c>
      <c r="F178" s="13">
        <v>-688.96</v>
      </c>
      <c r="G178" s="13">
        <v>0</v>
      </c>
      <c r="H178" s="12"/>
      <c r="I178" s="12"/>
      <c r="J178" s="12"/>
      <c r="K178" s="12"/>
      <c r="L178" s="12"/>
      <c r="M178" s="12"/>
      <c r="N178" s="12"/>
      <c r="O178" s="12"/>
      <c r="P178" s="12"/>
      <c r="Q178" s="12"/>
    </row>
  </sheetData>
  <mergeCells count="117">
    <mergeCell ref="E169:E170"/>
    <mergeCell ref="F169:F170"/>
    <mergeCell ref="G169:G170"/>
    <mergeCell ref="A176:A177"/>
    <mergeCell ref="B176:B177"/>
    <mergeCell ref="C176:C177"/>
    <mergeCell ref="D176:D177"/>
    <mergeCell ref="E176:E177"/>
    <mergeCell ref="F176:F177"/>
    <mergeCell ref="G176:G177"/>
    <mergeCell ref="A161:A162"/>
    <mergeCell ref="B161:B162"/>
    <mergeCell ref="C161:C162"/>
    <mergeCell ref="D161:D162"/>
    <mergeCell ref="A169:A170"/>
    <mergeCell ref="B169:B170"/>
    <mergeCell ref="C169:C170"/>
    <mergeCell ref="D169:D170"/>
    <mergeCell ref="E150:E151"/>
    <mergeCell ref="F150:F151"/>
    <mergeCell ref="G150:G151"/>
    <mergeCell ref="A157:A158"/>
    <mergeCell ref="B157:B158"/>
    <mergeCell ref="C157:C158"/>
    <mergeCell ref="D157:D158"/>
    <mergeCell ref="E157:E158"/>
    <mergeCell ref="F157:F158"/>
    <mergeCell ref="G157:G158"/>
    <mergeCell ref="D144:D145"/>
    <mergeCell ref="A150:A151"/>
    <mergeCell ref="B150:B151"/>
    <mergeCell ref="C150:C151"/>
    <mergeCell ref="D150:D151"/>
    <mergeCell ref="A138:A139"/>
    <mergeCell ref="B138:B139"/>
    <mergeCell ref="C138:C139"/>
    <mergeCell ref="A144:A145"/>
    <mergeCell ref="B144:B145"/>
    <mergeCell ref="C144:C145"/>
    <mergeCell ref="E126:E127"/>
    <mergeCell ref="F126:F127"/>
    <mergeCell ref="G126:G127"/>
    <mergeCell ref="A134:A135"/>
    <mergeCell ref="B134:B135"/>
    <mergeCell ref="C134:C135"/>
    <mergeCell ref="D134:D135"/>
    <mergeCell ref="E134:E135"/>
    <mergeCell ref="F134:F135"/>
    <mergeCell ref="G134:G135"/>
    <mergeCell ref="A121:A122"/>
    <mergeCell ref="B121:B122"/>
    <mergeCell ref="C121:C122"/>
    <mergeCell ref="D121:D122"/>
    <mergeCell ref="A126:A127"/>
    <mergeCell ref="B126:B127"/>
    <mergeCell ref="C126:C127"/>
    <mergeCell ref="D126:D127"/>
    <mergeCell ref="A110:A111"/>
    <mergeCell ref="B110:B111"/>
    <mergeCell ref="C110:C111"/>
    <mergeCell ref="A115:A116"/>
    <mergeCell ref="B115:B116"/>
    <mergeCell ref="C115:C116"/>
    <mergeCell ref="E96:E97"/>
    <mergeCell ref="F96:F97"/>
    <mergeCell ref="G96:G97"/>
    <mergeCell ref="A106:A107"/>
    <mergeCell ref="B106:B107"/>
    <mergeCell ref="C106:C107"/>
    <mergeCell ref="D106:D107"/>
    <mergeCell ref="E106:E107"/>
    <mergeCell ref="F106:F107"/>
    <mergeCell ref="G106:G107"/>
    <mergeCell ref="A71:A72"/>
    <mergeCell ref="B71:B72"/>
    <mergeCell ref="C71:C72"/>
    <mergeCell ref="D71:D72"/>
    <mergeCell ref="A96:A97"/>
    <mergeCell ref="B96:B97"/>
    <mergeCell ref="C96:C97"/>
    <mergeCell ref="D96:D97"/>
    <mergeCell ref="A58:A59"/>
    <mergeCell ref="B58:B59"/>
    <mergeCell ref="C58:C59"/>
    <mergeCell ref="A65:A66"/>
    <mergeCell ref="B65:B66"/>
    <mergeCell ref="C65:C66"/>
    <mergeCell ref="A50:A51"/>
    <mergeCell ref="B50:B51"/>
    <mergeCell ref="C50:C51"/>
    <mergeCell ref="A54:A55"/>
    <mergeCell ref="B54:B55"/>
    <mergeCell ref="C54:C55"/>
    <mergeCell ref="F36:F37"/>
    <mergeCell ref="G36:G37"/>
    <mergeCell ref="A46:A47"/>
    <mergeCell ref="B46:B47"/>
    <mergeCell ref="C46:C47"/>
    <mergeCell ref="D46:D47"/>
    <mergeCell ref="E46:E47"/>
    <mergeCell ref="F46:F47"/>
    <mergeCell ref="G46:G47"/>
    <mergeCell ref="A36:A37"/>
    <mergeCell ref="B36:B37"/>
    <mergeCell ref="C36:C37"/>
    <mergeCell ref="D36:D37"/>
    <mergeCell ref="E36:E37"/>
    <mergeCell ref="A9:G9"/>
    <mergeCell ref="A10:A11"/>
    <mergeCell ref="B10:B11"/>
    <mergeCell ref="C10:C11"/>
    <mergeCell ref="D10:D11"/>
    <mergeCell ref="A3:G3"/>
    <mergeCell ref="A4:G4"/>
    <mergeCell ref="A5:G5"/>
    <mergeCell ref="A6:G6"/>
    <mergeCell ref="A7:G7"/>
  </mergeCells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I127"/>
  <sheetViews>
    <sheetView showGridLines="0" workbookViewId="0"/>
  </sheetViews>
  <sheetFormatPr defaultRowHeight="15" x14ac:dyDescent="0.25"/>
  <cols>
    <col min="1" max="1" width="2.7109375" bestFit="1" customWidth="1"/>
    <col min="2" max="2" width="85" bestFit="1" customWidth="1"/>
    <col min="3" max="4" width="20.140625" bestFit="1" customWidth="1"/>
    <col min="5" max="6" width="19" bestFit="1" customWidth="1"/>
    <col min="7" max="7" width="16" bestFit="1" customWidth="1"/>
    <col min="8" max="9" width="17.28515625" bestFit="1" customWidth="1"/>
  </cols>
  <sheetData>
    <row r="3" spans="1:9" x14ac:dyDescent="0.25">
      <c r="A3" s="6" t="s">
        <v>0</v>
      </c>
      <c r="B3" s="7"/>
      <c r="C3" s="7"/>
      <c r="D3" s="7"/>
      <c r="E3" s="7"/>
      <c r="F3" s="7"/>
      <c r="G3" s="7"/>
      <c r="H3" s="7"/>
      <c r="I3" s="7"/>
    </row>
    <row r="4" spans="1:9" x14ac:dyDescent="0.25">
      <c r="A4" s="6" t="s">
        <v>1</v>
      </c>
      <c r="B4" s="7"/>
      <c r="C4" s="7"/>
      <c r="D4" s="7"/>
      <c r="E4" s="7"/>
      <c r="F4" s="7"/>
      <c r="G4" s="7"/>
      <c r="H4" s="7"/>
      <c r="I4" s="7"/>
    </row>
    <row r="5" spans="1:9" x14ac:dyDescent="0.25">
      <c r="A5" s="8" t="s">
        <v>709</v>
      </c>
      <c r="B5" s="7"/>
      <c r="C5" s="7"/>
      <c r="D5" s="7"/>
      <c r="E5" s="7"/>
      <c r="F5" s="7"/>
      <c r="G5" s="7"/>
      <c r="H5" s="7"/>
      <c r="I5" s="7"/>
    </row>
    <row r="6" spans="1:9" x14ac:dyDescent="0.25">
      <c r="A6" s="6" t="s">
        <v>3</v>
      </c>
      <c r="B6" s="7"/>
      <c r="C6" s="7"/>
      <c r="D6" s="7"/>
      <c r="E6" s="7"/>
      <c r="F6" s="7"/>
      <c r="G6" s="7"/>
      <c r="H6" s="7"/>
      <c r="I6" s="7"/>
    </row>
    <row r="7" spans="1:9" x14ac:dyDescent="0.25">
      <c r="A7" s="6" t="s">
        <v>4</v>
      </c>
      <c r="B7" s="7"/>
      <c r="C7" s="7"/>
      <c r="D7" s="7"/>
      <c r="E7" s="7"/>
      <c r="F7" s="7"/>
      <c r="G7" s="7"/>
      <c r="H7" s="7"/>
      <c r="I7" s="7"/>
    </row>
    <row r="9" spans="1:9" x14ac:dyDescent="0.25">
      <c r="A9" s="9" t="s">
        <v>710</v>
      </c>
      <c r="B9" s="7"/>
      <c r="C9" s="7"/>
      <c r="D9" s="7"/>
      <c r="E9" s="7"/>
      <c r="F9" s="7"/>
      <c r="G9" s="7"/>
      <c r="H9" s="7"/>
      <c r="I9" s="7"/>
    </row>
    <row r="10" spans="1:9" ht="21" x14ac:dyDescent="0.25">
      <c r="A10" s="10" t="s">
        <v>6</v>
      </c>
      <c r="B10" s="10" t="s">
        <v>711</v>
      </c>
      <c r="C10" s="10" t="s">
        <v>712</v>
      </c>
      <c r="D10" s="1" t="s">
        <v>713</v>
      </c>
    </row>
    <row r="11" spans="1:9" ht="21" x14ac:dyDescent="0.25">
      <c r="A11" s="10" t="s">
        <v>7</v>
      </c>
      <c r="B11" s="10" t="s">
        <v>7</v>
      </c>
      <c r="C11" s="10" t="s">
        <v>7</v>
      </c>
      <c r="D11" s="1" t="s">
        <v>714</v>
      </c>
    </row>
    <row r="12" spans="1:9" x14ac:dyDescent="0.25">
      <c r="A12" s="3" t="s">
        <v>17</v>
      </c>
      <c r="B12" s="5" t="s">
        <v>601</v>
      </c>
      <c r="C12" s="11">
        <v>16147149205</v>
      </c>
      <c r="D12" s="11">
        <v>9883011969.9899998</v>
      </c>
      <c r="E12" s="12"/>
      <c r="F12" s="12"/>
      <c r="G12" s="12"/>
      <c r="H12" s="12"/>
      <c r="I12" s="12"/>
    </row>
    <row r="13" spans="1:9" x14ac:dyDescent="0.25">
      <c r="A13" s="3" t="s">
        <v>19</v>
      </c>
      <c r="B13" s="5" t="s">
        <v>715</v>
      </c>
      <c r="C13" s="11">
        <v>9285340000</v>
      </c>
      <c r="D13" s="11">
        <v>5256779115.3100004</v>
      </c>
      <c r="E13" s="12"/>
      <c r="F13" s="12"/>
      <c r="G13" s="12"/>
      <c r="H13" s="12"/>
      <c r="I13" s="12"/>
    </row>
    <row r="14" spans="1:9" x14ac:dyDescent="0.25">
      <c r="A14" s="2" t="s">
        <v>21</v>
      </c>
      <c r="B14" s="4" t="s">
        <v>716</v>
      </c>
      <c r="C14" s="13">
        <v>7289893500</v>
      </c>
      <c r="D14" s="13">
        <v>4086947158.8600001</v>
      </c>
      <c r="E14" s="12"/>
      <c r="F14" s="12"/>
      <c r="G14" s="12"/>
      <c r="H14" s="12"/>
      <c r="I14" s="12"/>
    </row>
    <row r="15" spans="1:9" x14ac:dyDescent="0.25">
      <c r="A15" s="2" t="s">
        <v>23</v>
      </c>
      <c r="B15" s="4" t="s">
        <v>717</v>
      </c>
      <c r="C15" s="13">
        <v>370110000</v>
      </c>
      <c r="D15" s="13">
        <v>291575860.75</v>
      </c>
      <c r="E15" s="12"/>
      <c r="F15" s="12"/>
      <c r="G15" s="12"/>
      <c r="H15" s="12"/>
      <c r="I15" s="12"/>
    </row>
    <row r="16" spans="1:9" x14ac:dyDescent="0.25">
      <c r="A16" s="2" t="s">
        <v>25</v>
      </c>
      <c r="B16" s="4" t="s">
        <v>718</v>
      </c>
      <c r="C16" s="13">
        <v>236576100</v>
      </c>
      <c r="D16" s="13">
        <v>148034724.28</v>
      </c>
      <c r="E16" s="12"/>
      <c r="F16" s="12"/>
      <c r="G16" s="12"/>
      <c r="H16" s="12"/>
      <c r="I16" s="12"/>
    </row>
    <row r="17" spans="1:9" x14ac:dyDescent="0.25">
      <c r="A17" s="2" t="s">
        <v>27</v>
      </c>
      <c r="B17" s="4" t="s">
        <v>719</v>
      </c>
      <c r="C17" s="13">
        <v>1031230000</v>
      </c>
      <c r="D17" s="13">
        <v>556808518.21000004</v>
      </c>
      <c r="E17" s="12"/>
      <c r="F17" s="12"/>
      <c r="G17" s="12"/>
      <c r="H17" s="12"/>
      <c r="I17" s="12"/>
    </row>
    <row r="18" spans="1:9" x14ac:dyDescent="0.25">
      <c r="A18" s="2" t="s">
        <v>29</v>
      </c>
      <c r="B18" s="4" t="s">
        <v>720</v>
      </c>
      <c r="C18" s="13">
        <v>357530400</v>
      </c>
      <c r="D18" s="13">
        <v>173412853.21000001</v>
      </c>
      <c r="E18" s="12"/>
      <c r="F18" s="12"/>
      <c r="G18" s="12"/>
      <c r="H18" s="12"/>
      <c r="I18" s="12"/>
    </row>
    <row r="19" spans="1:9" x14ac:dyDescent="0.25">
      <c r="A19" s="2" t="s">
        <v>31</v>
      </c>
      <c r="B19" s="4" t="s">
        <v>721</v>
      </c>
      <c r="C19" s="13">
        <v>712627100</v>
      </c>
      <c r="D19" s="13">
        <v>569404465.77999997</v>
      </c>
      <c r="E19" s="12"/>
      <c r="F19" s="12"/>
      <c r="G19" s="12"/>
      <c r="H19" s="12"/>
      <c r="I19" s="12"/>
    </row>
    <row r="20" spans="1:9" x14ac:dyDescent="0.25">
      <c r="A20" s="3" t="s">
        <v>33</v>
      </c>
      <c r="B20" s="5" t="s">
        <v>607</v>
      </c>
      <c r="C20" s="11">
        <v>151263100</v>
      </c>
      <c r="D20" s="11">
        <v>362407258.52999997</v>
      </c>
      <c r="E20" s="12"/>
      <c r="F20" s="12"/>
      <c r="G20" s="12"/>
      <c r="H20" s="12"/>
      <c r="I20" s="12"/>
    </row>
    <row r="21" spans="1:9" x14ac:dyDescent="0.25">
      <c r="A21" s="2" t="s">
        <v>35</v>
      </c>
      <c r="B21" s="4" t="s">
        <v>722</v>
      </c>
      <c r="C21" s="13">
        <v>75815400</v>
      </c>
      <c r="D21" s="13">
        <v>303351743.88999999</v>
      </c>
      <c r="E21" s="12"/>
      <c r="F21" s="12"/>
      <c r="G21" s="12"/>
      <c r="H21" s="12"/>
      <c r="I21" s="12"/>
    </row>
    <row r="22" spans="1:9" x14ac:dyDescent="0.25">
      <c r="A22" s="2" t="s">
        <v>37</v>
      </c>
      <c r="B22" s="4" t="s">
        <v>610</v>
      </c>
      <c r="C22" s="13">
        <v>75447700</v>
      </c>
      <c r="D22" s="13">
        <v>59055514.640000001</v>
      </c>
      <c r="E22" s="12"/>
      <c r="F22" s="12"/>
      <c r="G22" s="12"/>
      <c r="H22" s="12"/>
      <c r="I22" s="12"/>
    </row>
    <row r="23" spans="1:9" x14ac:dyDescent="0.25">
      <c r="A23" s="3" t="s">
        <v>39</v>
      </c>
      <c r="B23" s="5" t="s">
        <v>723</v>
      </c>
      <c r="C23" s="11">
        <v>5190061300</v>
      </c>
      <c r="D23" s="11">
        <v>3159937161.5100002</v>
      </c>
      <c r="E23" s="12"/>
      <c r="F23" s="12"/>
      <c r="G23" s="12"/>
      <c r="H23" s="12"/>
      <c r="I23" s="12"/>
    </row>
    <row r="24" spans="1:9" x14ac:dyDescent="0.25">
      <c r="A24" s="2" t="s">
        <v>41</v>
      </c>
      <c r="B24" s="4" t="s">
        <v>724</v>
      </c>
      <c r="C24" s="13">
        <v>1058736200</v>
      </c>
      <c r="D24" s="13">
        <v>877149136.23000002</v>
      </c>
      <c r="E24" s="12"/>
      <c r="F24" s="12"/>
      <c r="G24" s="12"/>
      <c r="H24" s="12"/>
      <c r="I24" s="12"/>
    </row>
    <row r="25" spans="1:9" x14ac:dyDescent="0.25">
      <c r="A25" s="2" t="s">
        <v>43</v>
      </c>
      <c r="B25" s="4" t="s">
        <v>725</v>
      </c>
      <c r="C25" s="13">
        <v>0</v>
      </c>
      <c r="D25" s="13">
        <v>0</v>
      </c>
      <c r="E25" s="12"/>
      <c r="F25" s="12"/>
      <c r="G25" s="12"/>
      <c r="H25" s="12"/>
      <c r="I25" s="12"/>
    </row>
    <row r="26" spans="1:9" x14ac:dyDescent="0.25">
      <c r="A26" s="2" t="s">
        <v>45</v>
      </c>
      <c r="B26" s="4" t="s">
        <v>726</v>
      </c>
      <c r="C26" s="13">
        <v>68880600</v>
      </c>
      <c r="D26" s="13">
        <v>37929006.759999998</v>
      </c>
      <c r="E26" s="12"/>
      <c r="F26" s="12"/>
      <c r="G26" s="12"/>
      <c r="H26" s="12"/>
      <c r="I26" s="12"/>
    </row>
    <row r="27" spans="1:9" x14ac:dyDescent="0.25">
      <c r="A27" s="2" t="s">
        <v>47</v>
      </c>
      <c r="B27" s="4" t="s">
        <v>727</v>
      </c>
      <c r="C27" s="13">
        <v>1252844900</v>
      </c>
      <c r="D27" s="13">
        <v>785087179.84000003</v>
      </c>
      <c r="E27" s="12"/>
      <c r="F27" s="12"/>
      <c r="G27" s="12"/>
      <c r="H27" s="12"/>
      <c r="I27" s="12"/>
    </row>
    <row r="28" spans="1:9" x14ac:dyDescent="0.25">
      <c r="A28" s="2" t="s">
        <v>49</v>
      </c>
      <c r="B28" s="4" t="s">
        <v>728</v>
      </c>
      <c r="C28" s="13">
        <v>2809599600</v>
      </c>
      <c r="D28" s="13">
        <v>1459771838.6800001</v>
      </c>
      <c r="E28" s="12"/>
      <c r="F28" s="12"/>
      <c r="G28" s="12"/>
      <c r="H28" s="12"/>
      <c r="I28" s="12"/>
    </row>
    <row r="29" spans="1:9" x14ac:dyDescent="0.25">
      <c r="A29" s="3" t="s">
        <v>51</v>
      </c>
      <c r="B29" s="5" t="s">
        <v>729</v>
      </c>
      <c r="C29" s="11">
        <v>807857705</v>
      </c>
      <c r="D29" s="11">
        <v>534483968.86000001</v>
      </c>
      <c r="E29" s="12"/>
      <c r="F29" s="12"/>
      <c r="G29" s="12"/>
      <c r="H29" s="12"/>
      <c r="I29" s="12"/>
    </row>
    <row r="30" spans="1:9" x14ac:dyDescent="0.25">
      <c r="A30" s="2" t="s">
        <v>53</v>
      </c>
      <c r="B30" s="4" t="s">
        <v>730</v>
      </c>
      <c r="C30" s="13">
        <v>120600</v>
      </c>
      <c r="D30" s="13">
        <v>16654002.689999999</v>
      </c>
      <c r="E30" s="12"/>
      <c r="F30" s="12"/>
      <c r="G30" s="12"/>
      <c r="H30" s="12"/>
      <c r="I30" s="12"/>
    </row>
    <row r="31" spans="1:9" x14ac:dyDescent="0.25">
      <c r="A31" s="2" t="s">
        <v>55</v>
      </c>
      <c r="B31" s="4" t="s">
        <v>731</v>
      </c>
      <c r="C31" s="13">
        <v>807737105</v>
      </c>
      <c r="D31" s="13">
        <v>517829966.17000002</v>
      </c>
      <c r="E31" s="12"/>
      <c r="F31" s="12"/>
      <c r="G31" s="12"/>
      <c r="H31" s="12"/>
      <c r="I31" s="12"/>
    </row>
    <row r="32" spans="1:9" x14ac:dyDescent="0.25">
      <c r="A32" s="2" t="s">
        <v>57</v>
      </c>
      <c r="B32" s="4" t="s">
        <v>732</v>
      </c>
      <c r="C32" s="13">
        <v>16071213205</v>
      </c>
      <c r="D32" s="13">
        <v>9563006223.4099998</v>
      </c>
      <c r="E32" s="12"/>
      <c r="F32" s="12"/>
      <c r="G32" s="12"/>
      <c r="H32" s="12"/>
      <c r="I32" s="12"/>
    </row>
    <row r="33" spans="1:9" x14ac:dyDescent="0.25">
      <c r="A33" s="3" t="s">
        <v>59</v>
      </c>
      <c r="B33" s="5" t="s">
        <v>733</v>
      </c>
      <c r="C33" s="11">
        <v>720857122</v>
      </c>
      <c r="D33" s="11">
        <v>121571830.45999999</v>
      </c>
      <c r="E33" s="12"/>
      <c r="F33" s="12"/>
      <c r="G33" s="12"/>
      <c r="H33" s="12"/>
      <c r="I33" s="12"/>
    </row>
    <row r="34" spans="1:9" x14ac:dyDescent="0.25">
      <c r="A34" s="2" t="s">
        <v>61</v>
      </c>
      <c r="B34" s="4" t="s">
        <v>734</v>
      </c>
      <c r="C34" s="13">
        <v>279113816</v>
      </c>
      <c r="D34" s="13">
        <v>11638309.4</v>
      </c>
      <c r="E34" s="12"/>
      <c r="F34" s="12"/>
      <c r="G34" s="12"/>
      <c r="H34" s="12"/>
      <c r="I34" s="12"/>
    </row>
    <row r="35" spans="1:9" x14ac:dyDescent="0.25">
      <c r="A35" s="2" t="s">
        <v>63</v>
      </c>
      <c r="B35" s="4" t="s">
        <v>735</v>
      </c>
      <c r="C35" s="13">
        <v>9574200</v>
      </c>
      <c r="D35" s="13">
        <v>6620022.75</v>
      </c>
      <c r="E35" s="12"/>
      <c r="F35" s="12"/>
      <c r="G35" s="12"/>
      <c r="H35" s="12"/>
      <c r="I35" s="12"/>
    </row>
    <row r="36" spans="1:9" x14ac:dyDescent="0.25">
      <c r="A36" s="3" t="s">
        <v>65</v>
      </c>
      <c r="B36" s="5" t="s">
        <v>736</v>
      </c>
      <c r="C36" s="11">
        <v>5718800</v>
      </c>
      <c r="D36" s="11">
        <v>326251.94</v>
      </c>
      <c r="E36" s="12"/>
      <c r="F36" s="12"/>
      <c r="G36" s="12"/>
      <c r="H36" s="12"/>
      <c r="I36" s="12"/>
    </row>
    <row r="37" spans="1:9" x14ac:dyDescent="0.25">
      <c r="A37" s="2" t="s">
        <v>67</v>
      </c>
      <c r="B37" s="4" t="s">
        <v>737</v>
      </c>
      <c r="C37" s="13">
        <v>0</v>
      </c>
      <c r="D37" s="13">
        <v>0</v>
      </c>
      <c r="E37" s="12"/>
      <c r="F37" s="12"/>
      <c r="G37" s="12"/>
      <c r="H37" s="12"/>
      <c r="I37" s="12"/>
    </row>
    <row r="38" spans="1:9" x14ac:dyDescent="0.25">
      <c r="A38" s="2" t="s">
        <v>69</v>
      </c>
      <c r="B38" s="4" t="s">
        <v>738</v>
      </c>
      <c r="C38" s="13">
        <v>0</v>
      </c>
      <c r="D38" s="13">
        <v>0</v>
      </c>
      <c r="E38" s="12"/>
      <c r="F38" s="12"/>
      <c r="G38" s="12"/>
      <c r="H38" s="12"/>
      <c r="I38" s="12"/>
    </row>
    <row r="39" spans="1:9" x14ac:dyDescent="0.25">
      <c r="A39" s="2" t="s">
        <v>71</v>
      </c>
      <c r="B39" s="4" t="s">
        <v>739</v>
      </c>
      <c r="C39" s="13">
        <v>5718800</v>
      </c>
      <c r="D39" s="13">
        <v>326251.94</v>
      </c>
      <c r="E39" s="12"/>
      <c r="F39" s="12"/>
      <c r="G39" s="12"/>
      <c r="H39" s="12"/>
      <c r="I39" s="12"/>
    </row>
    <row r="40" spans="1:9" x14ac:dyDescent="0.25">
      <c r="A40" s="3" t="s">
        <v>73</v>
      </c>
      <c r="B40" s="5" t="s">
        <v>740</v>
      </c>
      <c r="C40" s="11">
        <v>426450306</v>
      </c>
      <c r="D40" s="11">
        <v>102987246.37</v>
      </c>
      <c r="E40" s="12"/>
      <c r="F40" s="12"/>
      <c r="G40" s="12"/>
      <c r="H40" s="12"/>
      <c r="I40" s="12"/>
    </row>
    <row r="41" spans="1:9" x14ac:dyDescent="0.25">
      <c r="A41" s="2" t="s">
        <v>75</v>
      </c>
      <c r="B41" s="4" t="s">
        <v>741</v>
      </c>
      <c r="C41" s="13">
        <v>374110806</v>
      </c>
      <c r="D41" s="13">
        <v>69330701.930000007</v>
      </c>
      <c r="E41" s="12"/>
      <c r="F41" s="12"/>
      <c r="G41" s="12"/>
      <c r="H41" s="12"/>
      <c r="I41" s="12"/>
    </row>
    <row r="42" spans="1:9" x14ac:dyDescent="0.25">
      <c r="A42" s="2" t="s">
        <v>77</v>
      </c>
      <c r="B42" s="4" t="s">
        <v>742</v>
      </c>
      <c r="C42" s="13">
        <v>52339500</v>
      </c>
      <c r="D42" s="13">
        <v>33656544.439999998</v>
      </c>
      <c r="E42" s="12"/>
      <c r="F42" s="12"/>
      <c r="G42" s="12"/>
      <c r="H42" s="12"/>
      <c r="I42" s="12"/>
    </row>
    <row r="43" spans="1:9" x14ac:dyDescent="0.25">
      <c r="A43" s="3" t="s">
        <v>79</v>
      </c>
      <c r="B43" s="5" t="s">
        <v>619</v>
      </c>
      <c r="C43" s="11">
        <v>0</v>
      </c>
      <c r="D43" s="11">
        <v>0</v>
      </c>
      <c r="E43" s="12"/>
      <c r="F43" s="12"/>
      <c r="G43" s="12"/>
      <c r="H43" s="12"/>
      <c r="I43" s="12"/>
    </row>
    <row r="44" spans="1:9" x14ac:dyDescent="0.25">
      <c r="A44" s="2" t="s">
        <v>81</v>
      </c>
      <c r="B44" s="4" t="s">
        <v>743</v>
      </c>
      <c r="C44" s="13">
        <v>0</v>
      </c>
      <c r="D44" s="13">
        <v>0</v>
      </c>
      <c r="E44" s="12"/>
      <c r="F44" s="12"/>
      <c r="G44" s="12"/>
      <c r="H44" s="12"/>
      <c r="I44" s="12"/>
    </row>
    <row r="45" spans="1:9" x14ac:dyDescent="0.25">
      <c r="A45" s="2" t="s">
        <v>83</v>
      </c>
      <c r="B45" s="4" t="s">
        <v>744</v>
      </c>
      <c r="C45" s="13">
        <v>0</v>
      </c>
      <c r="D45" s="13">
        <v>0</v>
      </c>
      <c r="E45" s="12"/>
      <c r="F45" s="12"/>
      <c r="G45" s="12"/>
      <c r="H45" s="12"/>
      <c r="I45" s="12"/>
    </row>
    <row r="46" spans="1:9" x14ac:dyDescent="0.25">
      <c r="A46" s="2" t="s">
        <v>85</v>
      </c>
      <c r="B46" s="4" t="s">
        <v>745</v>
      </c>
      <c r="C46" s="13">
        <v>432169106</v>
      </c>
      <c r="D46" s="13">
        <v>103313498.31</v>
      </c>
      <c r="E46" s="12"/>
      <c r="F46" s="12"/>
      <c r="G46" s="12"/>
      <c r="H46" s="12"/>
      <c r="I46" s="12"/>
    </row>
    <row r="47" spans="1:9" x14ac:dyDescent="0.25">
      <c r="A47" s="3" t="s">
        <v>87</v>
      </c>
      <c r="B47" s="5" t="s">
        <v>746</v>
      </c>
      <c r="C47" s="11">
        <v>16503382311</v>
      </c>
      <c r="D47" s="11">
        <v>9666319721.7199993</v>
      </c>
      <c r="E47" s="12"/>
      <c r="F47" s="12"/>
      <c r="G47" s="12"/>
      <c r="H47" s="12"/>
      <c r="I47" s="12"/>
    </row>
    <row r="48" spans="1:9" x14ac:dyDescent="0.25">
      <c r="C48" s="12"/>
      <c r="D48" s="12"/>
      <c r="E48" s="12"/>
      <c r="F48" s="12"/>
      <c r="G48" s="12"/>
      <c r="H48" s="12"/>
      <c r="I48" s="12"/>
    </row>
    <row r="49" spans="1:9" x14ac:dyDescent="0.25">
      <c r="A49" s="10" t="s">
        <v>6</v>
      </c>
      <c r="B49" s="10" t="s">
        <v>747</v>
      </c>
      <c r="C49" s="14" t="s">
        <v>748</v>
      </c>
      <c r="D49" s="14" t="s">
        <v>713</v>
      </c>
      <c r="E49" s="14" t="s">
        <v>7</v>
      </c>
      <c r="F49" s="14" t="s">
        <v>7</v>
      </c>
      <c r="G49" s="14" t="s">
        <v>7</v>
      </c>
      <c r="H49" s="14" t="s">
        <v>751</v>
      </c>
      <c r="I49" s="14" t="s">
        <v>751</v>
      </c>
    </row>
    <row r="50" spans="1:9" ht="63" x14ac:dyDescent="0.25">
      <c r="A50" s="10" t="s">
        <v>7</v>
      </c>
      <c r="B50" s="10" t="s">
        <v>7</v>
      </c>
      <c r="C50" s="14" t="s">
        <v>7</v>
      </c>
      <c r="D50" s="15" t="s">
        <v>170</v>
      </c>
      <c r="E50" s="15" t="s">
        <v>174</v>
      </c>
      <c r="F50" s="15" t="s">
        <v>749</v>
      </c>
      <c r="G50" s="15" t="s">
        <v>750</v>
      </c>
      <c r="H50" s="15" t="s">
        <v>752</v>
      </c>
      <c r="I50" s="15" t="s">
        <v>753</v>
      </c>
    </row>
    <row r="51" spans="1:9" x14ac:dyDescent="0.25">
      <c r="A51" s="3" t="s">
        <v>89</v>
      </c>
      <c r="B51" s="5" t="s">
        <v>754</v>
      </c>
      <c r="C51" s="11">
        <v>15227911436.879999</v>
      </c>
      <c r="D51" s="11">
        <v>9062344150.9200001</v>
      </c>
      <c r="E51" s="11">
        <v>7226982986.0900002</v>
      </c>
      <c r="F51" s="11">
        <v>7110316819.1199999</v>
      </c>
      <c r="G51" s="11">
        <v>82290070.959999993</v>
      </c>
      <c r="H51" s="11">
        <v>243724368.43000001</v>
      </c>
      <c r="I51" s="11">
        <v>240456192.84999999</v>
      </c>
    </row>
    <row r="52" spans="1:9" x14ac:dyDescent="0.25">
      <c r="A52" s="2" t="s">
        <v>91</v>
      </c>
      <c r="B52" s="4" t="s">
        <v>755</v>
      </c>
      <c r="C52" s="13">
        <v>9273687620.6800003</v>
      </c>
      <c r="D52" s="13">
        <v>5378627167.3500004</v>
      </c>
      <c r="E52" s="13">
        <v>4820472570.6700001</v>
      </c>
      <c r="F52" s="13">
        <v>4807363858.25</v>
      </c>
      <c r="G52" s="13">
        <v>21457923.09</v>
      </c>
      <c r="H52" s="13">
        <v>170580.51</v>
      </c>
      <c r="I52" s="13">
        <v>170580.51</v>
      </c>
    </row>
    <row r="53" spans="1:9" x14ac:dyDescent="0.25">
      <c r="A53" s="2" t="s">
        <v>93</v>
      </c>
      <c r="B53" s="4" t="s">
        <v>756</v>
      </c>
      <c r="C53" s="13">
        <v>288907628</v>
      </c>
      <c r="D53" s="13">
        <v>278120388.56</v>
      </c>
      <c r="E53" s="13">
        <v>164527322.03</v>
      </c>
      <c r="F53" s="13">
        <v>164527322.03</v>
      </c>
      <c r="G53" s="13">
        <v>0</v>
      </c>
      <c r="H53" s="13">
        <v>0</v>
      </c>
      <c r="I53" s="13">
        <v>0</v>
      </c>
    </row>
    <row r="54" spans="1:9" x14ac:dyDescent="0.25">
      <c r="A54" s="3" t="s">
        <v>95</v>
      </c>
      <c r="B54" s="5" t="s">
        <v>757</v>
      </c>
      <c r="C54" s="11">
        <v>5665316188.1999998</v>
      </c>
      <c r="D54" s="11">
        <v>3405596595.0100002</v>
      </c>
      <c r="E54" s="11">
        <v>2241983093.3899999</v>
      </c>
      <c r="F54" s="11">
        <v>2138425638.8399999</v>
      </c>
      <c r="G54" s="11">
        <v>60832147.869999997</v>
      </c>
      <c r="H54" s="11">
        <v>243553787.91999999</v>
      </c>
      <c r="I54" s="11">
        <v>240285612.34</v>
      </c>
    </row>
    <row r="55" spans="1:9" x14ac:dyDescent="0.25">
      <c r="A55" s="2" t="s">
        <v>97</v>
      </c>
      <c r="B55" s="4" t="s">
        <v>758</v>
      </c>
      <c r="C55" s="13">
        <v>448268600</v>
      </c>
      <c r="D55" s="13">
        <v>448268500</v>
      </c>
      <c r="E55" s="13">
        <v>243386668.02000001</v>
      </c>
      <c r="F55" s="13">
        <v>199390016.88</v>
      </c>
      <c r="G55" s="13">
        <v>40099668.649999999</v>
      </c>
      <c r="H55" s="13">
        <v>0</v>
      </c>
      <c r="I55" s="13">
        <v>0</v>
      </c>
    </row>
    <row r="56" spans="1:9" x14ac:dyDescent="0.25">
      <c r="A56" s="2" t="s">
        <v>99</v>
      </c>
      <c r="B56" s="4" t="s">
        <v>683</v>
      </c>
      <c r="C56" s="13">
        <v>5217047588.1999998</v>
      </c>
      <c r="D56" s="13">
        <v>2957328095.0100002</v>
      </c>
      <c r="E56" s="13">
        <v>1998596425.3699999</v>
      </c>
      <c r="F56" s="13">
        <v>1939035621.96</v>
      </c>
      <c r="G56" s="13">
        <v>20732479.219999999</v>
      </c>
      <c r="H56" s="13">
        <v>243553787.91999999</v>
      </c>
      <c r="I56" s="13">
        <v>240285612.34</v>
      </c>
    </row>
    <row r="57" spans="1:9" x14ac:dyDescent="0.25">
      <c r="A57" s="2" t="s">
        <v>101</v>
      </c>
      <c r="B57" s="4" t="s">
        <v>759</v>
      </c>
      <c r="C57" s="13">
        <v>14939003808.879999</v>
      </c>
      <c r="D57" s="13">
        <v>8784223762.3600006</v>
      </c>
      <c r="E57" s="13">
        <v>7062455664.0600004</v>
      </c>
      <c r="F57" s="13">
        <v>6945789497.0900002</v>
      </c>
      <c r="G57" s="13">
        <v>82290070.959999993</v>
      </c>
      <c r="H57" s="13">
        <v>243724368.43000001</v>
      </c>
      <c r="I57" s="13">
        <v>240456192.84999999</v>
      </c>
    </row>
    <row r="58" spans="1:9" x14ac:dyDescent="0.25">
      <c r="A58" s="3" t="s">
        <v>103</v>
      </c>
      <c r="B58" s="5" t="s">
        <v>760</v>
      </c>
      <c r="C58" s="11">
        <v>4315898856.4899998</v>
      </c>
      <c r="D58" s="11">
        <v>2882553389.9299998</v>
      </c>
      <c r="E58" s="11">
        <v>1285978657.49</v>
      </c>
      <c r="F58" s="11">
        <v>1244857841.3399999</v>
      </c>
      <c r="G58" s="11">
        <v>7535211.4900000002</v>
      </c>
      <c r="H58" s="11">
        <v>302986051.88999999</v>
      </c>
      <c r="I58" s="11">
        <v>297901133.64999998</v>
      </c>
    </row>
    <row r="59" spans="1:9" x14ac:dyDescent="0.25">
      <c r="A59" s="2" t="s">
        <v>105</v>
      </c>
      <c r="B59" s="4" t="s">
        <v>761</v>
      </c>
      <c r="C59" s="13">
        <v>3978625806.4899998</v>
      </c>
      <c r="D59" s="13">
        <v>2569747041.3000002</v>
      </c>
      <c r="E59" s="13">
        <v>1094944978.8800001</v>
      </c>
      <c r="F59" s="13">
        <v>1053824162.73</v>
      </c>
      <c r="G59" s="13">
        <v>6233633.0099999998</v>
      </c>
      <c r="H59" s="13">
        <v>301918361.33999997</v>
      </c>
      <c r="I59" s="13">
        <v>296833443.10000002</v>
      </c>
    </row>
    <row r="60" spans="1:9" x14ac:dyDescent="0.25">
      <c r="A60" s="3" t="s">
        <v>107</v>
      </c>
      <c r="B60" s="5" t="s">
        <v>762</v>
      </c>
      <c r="C60" s="11">
        <v>26199660</v>
      </c>
      <c r="D60" s="11">
        <v>12234167.310000001</v>
      </c>
      <c r="E60" s="11">
        <v>1160000</v>
      </c>
      <c r="F60" s="11">
        <v>1160000</v>
      </c>
      <c r="G60" s="11">
        <v>1301578.48</v>
      </c>
      <c r="H60" s="11">
        <v>1067690.55</v>
      </c>
      <c r="I60" s="11">
        <v>1067690.55</v>
      </c>
    </row>
    <row r="61" spans="1:9" x14ac:dyDescent="0.25">
      <c r="A61" s="2" t="s">
        <v>109</v>
      </c>
      <c r="B61" s="4" t="s">
        <v>763</v>
      </c>
      <c r="C61" s="13">
        <v>12400000</v>
      </c>
      <c r="D61" s="13">
        <v>0</v>
      </c>
      <c r="E61" s="13">
        <v>0</v>
      </c>
      <c r="F61" s="13">
        <v>0</v>
      </c>
      <c r="G61" s="13">
        <v>0</v>
      </c>
      <c r="H61" s="13">
        <v>0</v>
      </c>
      <c r="I61" s="13">
        <v>0</v>
      </c>
    </row>
    <row r="62" spans="1:9" x14ac:dyDescent="0.25">
      <c r="A62" s="2" t="s">
        <v>111</v>
      </c>
      <c r="B62" s="4" t="s">
        <v>764</v>
      </c>
      <c r="C62" s="13">
        <v>0</v>
      </c>
      <c r="D62" s="13">
        <v>0</v>
      </c>
      <c r="E62" s="13">
        <v>0</v>
      </c>
      <c r="F62" s="13">
        <v>0</v>
      </c>
      <c r="G62" s="13">
        <v>0</v>
      </c>
      <c r="H62" s="13">
        <v>0</v>
      </c>
      <c r="I62" s="13">
        <v>0</v>
      </c>
    </row>
    <row r="63" spans="1:9" x14ac:dyDescent="0.25">
      <c r="A63" s="2" t="s">
        <v>113</v>
      </c>
      <c r="B63" s="4" t="s">
        <v>765</v>
      </c>
      <c r="C63" s="13">
        <v>0</v>
      </c>
      <c r="D63" s="13">
        <v>0</v>
      </c>
      <c r="E63" s="13">
        <v>0</v>
      </c>
      <c r="F63" s="13">
        <v>0</v>
      </c>
      <c r="G63" s="13">
        <v>0</v>
      </c>
      <c r="H63" s="13">
        <v>0</v>
      </c>
      <c r="I63" s="13">
        <v>0</v>
      </c>
    </row>
    <row r="64" spans="1:9" x14ac:dyDescent="0.25">
      <c r="A64" s="2" t="s">
        <v>115</v>
      </c>
      <c r="B64" s="4" t="s">
        <v>766</v>
      </c>
      <c r="C64" s="13">
        <v>13799660</v>
      </c>
      <c r="D64" s="13">
        <v>12234167.310000001</v>
      </c>
      <c r="E64" s="13">
        <v>1160000</v>
      </c>
      <c r="F64" s="13">
        <v>1160000</v>
      </c>
      <c r="G64" s="13">
        <v>1301578.48</v>
      </c>
      <c r="H64" s="13">
        <v>1067690.55</v>
      </c>
      <c r="I64" s="13">
        <v>1067690.55</v>
      </c>
    </row>
    <row r="65" spans="1:9" x14ac:dyDescent="0.25">
      <c r="A65" s="2" t="s">
        <v>117</v>
      </c>
      <c r="B65" s="4" t="s">
        <v>767</v>
      </c>
      <c r="C65" s="13">
        <v>311073390</v>
      </c>
      <c r="D65" s="13">
        <v>300572181.31999999</v>
      </c>
      <c r="E65" s="13">
        <v>189873678.61000001</v>
      </c>
      <c r="F65" s="13">
        <v>189873678.61000001</v>
      </c>
      <c r="G65" s="13">
        <v>0</v>
      </c>
      <c r="H65" s="13">
        <v>0</v>
      </c>
      <c r="I65" s="13">
        <v>0</v>
      </c>
    </row>
    <row r="66" spans="1:9" x14ac:dyDescent="0.25">
      <c r="A66" s="2" t="s">
        <v>119</v>
      </c>
      <c r="B66" s="4" t="s">
        <v>768</v>
      </c>
      <c r="C66" s="13">
        <v>3992425466.4899998</v>
      </c>
      <c r="D66" s="13">
        <v>2581981208.6100001</v>
      </c>
      <c r="E66" s="13">
        <v>1096104978.8800001</v>
      </c>
      <c r="F66" s="13">
        <v>1054984162.73</v>
      </c>
      <c r="G66" s="13">
        <v>7535211.4900000002</v>
      </c>
      <c r="H66" s="13">
        <v>302986051.88999999</v>
      </c>
      <c r="I66" s="13">
        <v>297901133.64999998</v>
      </c>
    </row>
    <row r="67" spans="1:9" x14ac:dyDescent="0.25">
      <c r="A67" s="2" t="s">
        <v>120</v>
      </c>
      <c r="B67" s="4" t="s">
        <v>769</v>
      </c>
      <c r="C67" s="13">
        <v>153967500</v>
      </c>
      <c r="D67" s="13">
        <v>0</v>
      </c>
      <c r="E67" s="13">
        <v>0</v>
      </c>
      <c r="F67" s="13">
        <v>0</v>
      </c>
      <c r="G67" s="13">
        <v>0</v>
      </c>
      <c r="H67" s="13">
        <v>0</v>
      </c>
      <c r="I67" s="13">
        <v>0</v>
      </c>
    </row>
    <row r="68" spans="1:9" x14ac:dyDescent="0.25">
      <c r="A68" s="3" t="s">
        <v>121</v>
      </c>
      <c r="B68" s="5" t="s">
        <v>770</v>
      </c>
      <c r="C68" s="11">
        <v>19085396775.369999</v>
      </c>
      <c r="D68" s="11">
        <v>11366204970.969999</v>
      </c>
      <c r="E68" s="11">
        <v>8158560642.9399996</v>
      </c>
      <c r="F68" s="11">
        <v>8000773659.8199997</v>
      </c>
      <c r="G68" s="11">
        <v>89825282.450000003</v>
      </c>
      <c r="H68" s="11">
        <v>546710420.32000005</v>
      </c>
      <c r="I68" s="11">
        <v>538357326.5</v>
      </c>
    </row>
    <row r="69" spans="1:9" x14ac:dyDescent="0.25">
      <c r="C69" s="12"/>
      <c r="D69" s="12"/>
      <c r="E69" s="12"/>
      <c r="F69" s="12"/>
      <c r="G69" s="12"/>
      <c r="H69" s="12"/>
      <c r="I69" s="12"/>
    </row>
    <row r="70" spans="1:9" x14ac:dyDescent="0.25">
      <c r="A70" s="10" t="s">
        <v>6</v>
      </c>
      <c r="B70" s="10" t="s">
        <v>771</v>
      </c>
      <c r="C70" s="14" t="s">
        <v>398</v>
      </c>
      <c r="D70" s="12"/>
      <c r="E70" s="12"/>
      <c r="F70" s="12"/>
      <c r="G70" s="12"/>
      <c r="H70" s="12"/>
      <c r="I70" s="12"/>
    </row>
    <row r="71" spans="1:9" x14ac:dyDescent="0.25">
      <c r="A71" s="10" t="s">
        <v>7</v>
      </c>
      <c r="B71" s="10" t="s">
        <v>7</v>
      </c>
      <c r="C71" s="14" t="s">
        <v>7</v>
      </c>
      <c r="D71" s="12"/>
      <c r="E71" s="12"/>
      <c r="F71" s="12"/>
      <c r="G71" s="12"/>
      <c r="H71" s="12"/>
      <c r="I71" s="12"/>
    </row>
    <row r="72" spans="1:9" x14ac:dyDescent="0.25">
      <c r="A72" s="2" t="s">
        <v>122</v>
      </c>
      <c r="B72" s="4" t="s">
        <v>772</v>
      </c>
      <c r="C72" s="13">
        <v>1037363452.95</v>
      </c>
      <c r="D72" s="12"/>
      <c r="E72" s="12"/>
      <c r="F72" s="12"/>
      <c r="G72" s="12"/>
      <c r="H72" s="12"/>
      <c r="I72" s="12"/>
    </row>
    <row r="73" spans="1:9" x14ac:dyDescent="0.25">
      <c r="C73" s="12"/>
      <c r="D73" s="12"/>
      <c r="E73" s="12"/>
      <c r="F73" s="12"/>
      <c r="G73" s="12"/>
      <c r="H73" s="12"/>
      <c r="I73" s="12"/>
    </row>
    <row r="74" spans="1:9" x14ac:dyDescent="0.25">
      <c r="A74" s="10" t="s">
        <v>6</v>
      </c>
      <c r="B74" s="10" t="s">
        <v>773</v>
      </c>
      <c r="C74" s="14" t="s">
        <v>774</v>
      </c>
      <c r="D74" s="12"/>
      <c r="E74" s="12"/>
      <c r="F74" s="12"/>
      <c r="G74" s="12"/>
      <c r="H74" s="12"/>
      <c r="I74" s="12"/>
    </row>
    <row r="75" spans="1:9" x14ac:dyDescent="0.25">
      <c r="A75" s="10" t="s">
        <v>7</v>
      </c>
      <c r="B75" s="10" t="s">
        <v>7</v>
      </c>
      <c r="C75" s="14" t="s">
        <v>7</v>
      </c>
      <c r="D75" s="12"/>
      <c r="E75" s="12"/>
      <c r="F75" s="12"/>
      <c r="G75" s="12"/>
      <c r="H75" s="12"/>
      <c r="I75" s="12"/>
    </row>
    <row r="76" spans="1:9" x14ac:dyDescent="0.25">
      <c r="A76" s="2" t="s">
        <v>123</v>
      </c>
      <c r="B76" s="4" t="s">
        <v>775</v>
      </c>
      <c r="C76" s="13">
        <v>315499518.75999999</v>
      </c>
      <c r="D76" s="12"/>
      <c r="E76" s="12"/>
      <c r="F76" s="12"/>
      <c r="G76" s="12"/>
      <c r="H76" s="12"/>
      <c r="I76" s="12"/>
    </row>
    <row r="77" spans="1:9" x14ac:dyDescent="0.25">
      <c r="C77" s="12"/>
      <c r="D77" s="12"/>
      <c r="E77" s="12"/>
      <c r="F77" s="12"/>
      <c r="G77" s="12"/>
      <c r="H77" s="12"/>
      <c r="I77" s="12"/>
    </row>
    <row r="78" spans="1:9" ht="21" x14ac:dyDescent="0.25">
      <c r="A78" s="10" t="s">
        <v>6</v>
      </c>
      <c r="B78" s="10" t="s">
        <v>776</v>
      </c>
      <c r="C78" s="15" t="s">
        <v>713</v>
      </c>
      <c r="D78" s="12"/>
      <c r="E78" s="12"/>
      <c r="F78" s="12"/>
      <c r="G78" s="12"/>
      <c r="H78" s="12"/>
      <c r="I78" s="12"/>
    </row>
    <row r="79" spans="1:9" ht="21" x14ac:dyDescent="0.25">
      <c r="A79" s="10" t="s">
        <v>7</v>
      </c>
      <c r="B79" s="10" t="s">
        <v>7</v>
      </c>
      <c r="C79" s="15" t="s">
        <v>777</v>
      </c>
      <c r="D79" s="12"/>
      <c r="E79" s="12"/>
      <c r="F79" s="12"/>
      <c r="G79" s="12"/>
      <c r="H79" s="12"/>
      <c r="I79" s="12"/>
    </row>
    <row r="80" spans="1:9" x14ac:dyDescent="0.25">
      <c r="A80" s="2" t="s">
        <v>124</v>
      </c>
      <c r="B80" s="4" t="s">
        <v>778</v>
      </c>
      <c r="C80" s="13">
        <v>358659285.11000001</v>
      </c>
      <c r="D80" s="12"/>
      <c r="E80" s="12"/>
      <c r="F80" s="12"/>
      <c r="G80" s="12"/>
      <c r="H80" s="12"/>
      <c r="I80" s="12"/>
    </row>
    <row r="81" spans="1:9" x14ac:dyDescent="0.25">
      <c r="A81" s="2" t="s">
        <v>125</v>
      </c>
      <c r="B81" s="4" t="s">
        <v>779</v>
      </c>
      <c r="C81" s="13">
        <v>331527016.22000003</v>
      </c>
      <c r="D81" s="12"/>
      <c r="E81" s="12"/>
      <c r="F81" s="12"/>
      <c r="G81" s="12"/>
      <c r="H81" s="12"/>
      <c r="I81" s="12"/>
    </row>
    <row r="82" spans="1:9" x14ac:dyDescent="0.25">
      <c r="C82" s="12"/>
      <c r="D82" s="12"/>
      <c r="E82" s="12"/>
      <c r="F82" s="12"/>
      <c r="G82" s="12"/>
      <c r="H82" s="12"/>
      <c r="I82" s="12"/>
    </row>
    <row r="83" spans="1:9" x14ac:dyDescent="0.25">
      <c r="A83" s="10" t="s">
        <v>6</v>
      </c>
      <c r="B83" s="10" t="s">
        <v>780</v>
      </c>
      <c r="C83" s="14" t="s">
        <v>777</v>
      </c>
      <c r="D83" s="12"/>
      <c r="E83" s="12"/>
      <c r="F83" s="12"/>
      <c r="G83" s="12"/>
      <c r="H83" s="12"/>
      <c r="I83" s="12"/>
    </row>
    <row r="84" spans="1:9" x14ac:dyDescent="0.25">
      <c r="A84" s="10" t="s">
        <v>7</v>
      </c>
      <c r="B84" s="10" t="s">
        <v>7</v>
      </c>
      <c r="C84" s="14" t="s">
        <v>7</v>
      </c>
      <c r="D84" s="12"/>
      <c r="E84" s="12"/>
      <c r="F84" s="12"/>
      <c r="G84" s="12"/>
      <c r="H84" s="12"/>
      <c r="I84" s="12"/>
    </row>
    <row r="85" spans="1:9" x14ac:dyDescent="0.25">
      <c r="A85" s="2" t="s">
        <v>127</v>
      </c>
      <c r="B85" s="4" t="s">
        <v>781</v>
      </c>
      <c r="C85" s="13">
        <v>1064495721.84</v>
      </c>
      <c r="D85" s="12"/>
      <c r="E85" s="12"/>
      <c r="F85" s="12"/>
      <c r="G85" s="12"/>
      <c r="H85" s="12"/>
      <c r="I85" s="12"/>
    </row>
    <row r="86" spans="1:9" x14ac:dyDescent="0.25">
      <c r="C86" s="12"/>
      <c r="D86" s="12"/>
      <c r="E86" s="12"/>
      <c r="F86" s="12"/>
      <c r="G86" s="12"/>
      <c r="H86" s="12"/>
      <c r="I86" s="12"/>
    </row>
    <row r="87" spans="1:9" x14ac:dyDescent="0.25">
      <c r="A87" s="10" t="s">
        <v>6</v>
      </c>
      <c r="B87" s="10" t="s">
        <v>782</v>
      </c>
      <c r="C87" s="14" t="s">
        <v>774</v>
      </c>
      <c r="D87" s="12"/>
      <c r="E87" s="12"/>
      <c r="F87" s="12"/>
      <c r="G87" s="12"/>
      <c r="H87" s="12"/>
      <c r="I87" s="12"/>
    </row>
    <row r="88" spans="1:9" x14ac:dyDescent="0.25">
      <c r="A88" s="10" t="s">
        <v>7</v>
      </c>
      <c r="B88" s="10" t="s">
        <v>7</v>
      </c>
      <c r="C88" s="14" t="s">
        <v>7</v>
      </c>
      <c r="D88" s="12"/>
      <c r="E88" s="12"/>
      <c r="F88" s="12"/>
      <c r="G88" s="12"/>
      <c r="H88" s="12"/>
      <c r="I88" s="12"/>
    </row>
    <row r="89" spans="1:9" x14ac:dyDescent="0.25">
      <c r="A89" s="2" t="s">
        <v>129</v>
      </c>
      <c r="B89" s="4" t="s">
        <v>775</v>
      </c>
      <c r="C89" s="13">
        <v>1698267.56</v>
      </c>
      <c r="D89" s="12"/>
      <c r="E89" s="12"/>
      <c r="F89" s="12"/>
      <c r="G89" s="12"/>
      <c r="H89" s="12"/>
      <c r="I89" s="12"/>
    </row>
    <row r="90" spans="1:9" x14ac:dyDescent="0.25">
      <c r="C90" s="12"/>
      <c r="D90" s="12"/>
      <c r="E90" s="12"/>
      <c r="F90" s="12"/>
      <c r="G90" s="12"/>
      <c r="H90" s="12"/>
      <c r="I90" s="12"/>
    </row>
    <row r="91" spans="1:9" x14ac:dyDescent="0.25">
      <c r="A91" s="10" t="s">
        <v>6</v>
      </c>
      <c r="B91" s="10" t="s">
        <v>783</v>
      </c>
      <c r="C91" s="14" t="s">
        <v>784</v>
      </c>
      <c r="D91" s="14" t="s">
        <v>784</v>
      </c>
      <c r="E91" s="12"/>
      <c r="F91" s="12"/>
      <c r="G91" s="12"/>
      <c r="H91" s="12"/>
      <c r="I91" s="12"/>
    </row>
    <row r="92" spans="1:9" ht="21" x14ac:dyDescent="0.25">
      <c r="A92" s="10" t="s">
        <v>7</v>
      </c>
      <c r="B92" s="10" t="s">
        <v>7</v>
      </c>
      <c r="C92" s="15" t="s">
        <v>785</v>
      </c>
      <c r="D92" s="15" t="s">
        <v>411</v>
      </c>
      <c r="E92" s="12"/>
      <c r="F92" s="12"/>
      <c r="G92" s="12"/>
      <c r="H92" s="12"/>
      <c r="I92" s="12"/>
    </row>
    <row r="93" spans="1:9" x14ac:dyDescent="0.25">
      <c r="A93" s="2" t="s">
        <v>131</v>
      </c>
      <c r="B93" s="4" t="s">
        <v>786</v>
      </c>
      <c r="C93" s="13">
        <v>9071829886.8600006</v>
      </c>
      <c r="D93" s="13">
        <v>8816486816.6299992</v>
      </c>
      <c r="E93" s="12"/>
      <c r="F93" s="12"/>
      <c r="G93" s="12"/>
      <c r="H93" s="12"/>
      <c r="I93" s="12"/>
    </row>
    <row r="94" spans="1:9" x14ac:dyDescent="0.25">
      <c r="A94" s="3" t="s">
        <v>133</v>
      </c>
      <c r="B94" s="5" t="s">
        <v>787</v>
      </c>
      <c r="C94" s="11">
        <v>5688487695.2600002</v>
      </c>
      <c r="D94" s="11">
        <v>6485064658.3100004</v>
      </c>
      <c r="E94" s="12"/>
      <c r="F94" s="12"/>
      <c r="G94" s="12"/>
      <c r="H94" s="12"/>
      <c r="I94" s="12"/>
    </row>
    <row r="95" spans="1:9" x14ac:dyDescent="0.25">
      <c r="A95" s="3" t="s">
        <v>135</v>
      </c>
      <c r="B95" s="5" t="s">
        <v>788</v>
      </c>
      <c r="C95" s="11">
        <v>5331575745.3400002</v>
      </c>
      <c r="D95" s="11">
        <v>6115268239.1199999</v>
      </c>
      <c r="E95" s="12"/>
      <c r="F95" s="12"/>
      <c r="G95" s="12"/>
      <c r="H95" s="12"/>
      <c r="I95" s="12"/>
    </row>
    <row r="96" spans="1:9" x14ac:dyDescent="0.25">
      <c r="A96" s="2" t="s">
        <v>137</v>
      </c>
      <c r="B96" s="4" t="s">
        <v>789</v>
      </c>
      <c r="C96" s="13">
        <v>5459843836.9899998</v>
      </c>
      <c r="D96" s="13">
        <v>6513085599.9799995</v>
      </c>
      <c r="E96" s="12"/>
      <c r="F96" s="12"/>
      <c r="G96" s="12"/>
      <c r="H96" s="12"/>
      <c r="I96" s="12"/>
    </row>
    <row r="97" spans="1:9" x14ac:dyDescent="0.25">
      <c r="A97" s="2" t="s">
        <v>139</v>
      </c>
      <c r="B97" s="4" t="s">
        <v>790</v>
      </c>
      <c r="C97" s="13">
        <v>128268091.65000001</v>
      </c>
      <c r="D97" s="13">
        <v>47552289.170000002</v>
      </c>
      <c r="E97" s="12"/>
      <c r="F97" s="12"/>
      <c r="G97" s="12"/>
      <c r="H97" s="12"/>
      <c r="I97" s="12"/>
    </row>
    <row r="98" spans="1:9" x14ac:dyDescent="0.25">
      <c r="A98" s="2" t="s">
        <v>141</v>
      </c>
      <c r="B98" s="4" t="s">
        <v>791</v>
      </c>
      <c r="C98" s="13">
        <v>0</v>
      </c>
      <c r="D98" s="13">
        <v>350265071.69</v>
      </c>
      <c r="E98" s="12"/>
      <c r="F98" s="12"/>
      <c r="G98" s="12"/>
      <c r="H98" s="12"/>
      <c r="I98" s="12"/>
    </row>
    <row r="99" spans="1:9" x14ac:dyDescent="0.25">
      <c r="A99" s="2" t="s">
        <v>143</v>
      </c>
      <c r="B99" s="4" t="s">
        <v>792</v>
      </c>
      <c r="C99" s="13">
        <v>356911949.92000002</v>
      </c>
      <c r="D99" s="13">
        <v>369796419.19</v>
      </c>
      <c r="E99" s="12"/>
      <c r="F99" s="12"/>
      <c r="G99" s="12"/>
      <c r="H99" s="12"/>
      <c r="I99" s="12"/>
    </row>
    <row r="100" spans="1:9" x14ac:dyDescent="0.25">
      <c r="A100" s="3" t="s">
        <v>145</v>
      </c>
      <c r="B100" s="5" t="s">
        <v>793</v>
      </c>
      <c r="C100" s="11">
        <v>3383342191.5999999</v>
      </c>
      <c r="D100" s="11">
        <v>2331422158.3200002</v>
      </c>
      <c r="E100" s="12"/>
      <c r="F100" s="12"/>
      <c r="G100" s="12"/>
      <c r="H100" s="12"/>
      <c r="I100" s="12"/>
    </row>
    <row r="101" spans="1:9" x14ac:dyDescent="0.25">
      <c r="C101" s="12"/>
      <c r="D101" s="12"/>
      <c r="E101" s="12"/>
      <c r="F101" s="12"/>
      <c r="G101" s="12"/>
      <c r="H101" s="12"/>
      <c r="I101" s="12"/>
    </row>
    <row r="102" spans="1:9" x14ac:dyDescent="0.25">
      <c r="A102" s="10" t="s">
        <v>6</v>
      </c>
      <c r="B102" s="10" t="s">
        <v>794</v>
      </c>
      <c r="C102" s="14" t="s">
        <v>795</v>
      </c>
      <c r="D102" s="12"/>
      <c r="E102" s="12"/>
      <c r="F102" s="12"/>
      <c r="G102" s="12"/>
      <c r="H102" s="12"/>
      <c r="I102" s="12"/>
    </row>
    <row r="103" spans="1:9" x14ac:dyDescent="0.25">
      <c r="A103" s="10" t="s">
        <v>7</v>
      </c>
      <c r="B103" s="10" t="s">
        <v>7</v>
      </c>
      <c r="C103" s="14" t="s">
        <v>7</v>
      </c>
      <c r="D103" s="12"/>
      <c r="E103" s="12"/>
      <c r="F103" s="12"/>
      <c r="G103" s="12"/>
      <c r="H103" s="12"/>
      <c r="I103" s="12"/>
    </row>
    <row r="104" spans="1:9" x14ac:dyDescent="0.25">
      <c r="A104" s="2" t="s">
        <v>147</v>
      </c>
      <c r="B104" s="4" t="s">
        <v>796</v>
      </c>
      <c r="C104" s="13">
        <v>1051920033.28</v>
      </c>
      <c r="D104" s="12"/>
      <c r="E104" s="12"/>
      <c r="F104" s="12"/>
      <c r="G104" s="12"/>
      <c r="H104" s="12"/>
      <c r="I104" s="12"/>
    </row>
    <row r="105" spans="1:9" x14ac:dyDescent="0.25">
      <c r="C105" s="12"/>
      <c r="D105" s="12"/>
      <c r="E105" s="12"/>
      <c r="F105" s="12"/>
      <c r="G105" s="12"/>
      <c r="H105" s="12"/>
      <c r="I105" s="12"/>
    </row>
    <row r="106" spans="1:9" x14ac:dyDescent="0.25">
      <c r="A106" s="10" t="s">
        <v>6</v>
      </c>
      <c r="B106" s="10" t="s">
        <v>797</v>
      </c>
      <c r="C106" s="14" t="s">
        <v>795</v>
      </c>
      <c r="D106" s="12"/>
      <c r="E106" s="12"/>
      <c r="F106" s="12"/>
      <c r="G106" s="12"/>
      <c r="H106" s="12"/>
      <c r="I106" s="12"/>
    </row>
    <row r="107" spans="1:9" x14ac:dyDescent="0.25">
      <c r="A107" s="10" t="s">
        <v>7</v>
      </c>
      <c r="B107" s="10" t="s">
        <v>7</v>
      </c>
      <c r="C107" s="14" t="s">
        <v>7</v>
      </c>
      <c r="D107" s="12"/>
      <c r="E107" s="12"/>
      <c r="F107" s="12"/>
      <c r="G107" s="12"/>
      <c r="H107" s="12"/>
      <c r="I107" s="12"/>
    </row>
    <row r="108" spans="1:9" x14ac:dyDescent="0.25">
      <c r="A108" s="2" t="s">
        <v>149</v>
      </c>
      <c r="B108" s="4" t="s">
        <v>798</v>
      </c>
      <c r="C108" s="13">
        <v>80715802.480000004</v>
      </c>
      <c r="D108" s="12"/>
      <c r="E108" s="12"/>
      <c r="F108" s="12"/>
      <c r="G108" s="12"/>
      <c r="H108" s="12"/>
      <c r="I108" s="12"/>
    </row>
    <row r="109" spans="1:9" x14ac:dyDescent="0.25">
      <c r="A109" s="2" t="s">
        <v>151</v>
      </c>
      <c r="B109" s="4" t="s">
        <v>799</v>
      </c>
      <c r="C109" s="13">
        <v>0</v>
      </c>
      <c r="D109" s="12"/>
      <c r="E109" s="12"/>
      <c r="F109" s="12"/>
      <c r="G109" s="12"/>
      <c r="H109" s="12"/>
      <c r="I109" s="12"/>
    </row>
    <row r="110" spans="1:9" x14ac:dyDescent="0.25">
      <c r="A110" s="2" t="s">
        <v>153</v>
      </c>
      <c r="B110" s="4" t="s">
        <v>800</v>
      </c>
      <c r="C110" s="13">
        <v>0</v>
      </c>
      <c r="D110" s="12"/>
      <c r="E110" s="12"/>
      <c r="F110" s="12"/>
      <c r="G110" s="12"/>
      <c r="H110" s="12"/>
      <c r="I110" s="12"/>
    </row>
    <row r="111" spans="1:9" x14ac:dyDescent="0.25">
      <c r="A111" s="2" t="s">
        <v>154</v>
      </c>
      <c r="B111" s="4" t="s">
        <v>801</v>
      </c>
      <c r="C111" s="13">
        <v>-183902492.06999999</v>
      </c>
      <c r="D111" s="12"/>
      <c r="E111" s="12"/>
      <c r="F111" s="12"/>
      <c r="G111" s="12"/>
      <c r="H111" s="12"/>
      <c r="I111" s="12"/>
    </row>
    <row r="112" spans="1:9" x14ac:dyDescent="0.25">
      <c r="A112" s="2" t="s">
        <v>155</v>
      </c>
      <c r="B112" s="4" t="s">
        <v>802</v>
      </c>
      <c r="C112" s="13">
        <v>139885352.53999999</v>
      </c>
      <c r="D112" s="12"/>
      <c r="E112" s="12"/>
      <c r="F112" s="12"/>
      <c r="G112" s="12"/>
      <c r="H112" s="12"/>
      <c r="I112" s="12"/>
    </row>
    <row r="113" spans="1:9" x14ac:dyDescent="0.25">
      <c r="A113" s="2" t="s">
        <v>157</v>
      </c>
      <c r="B113" s="4" t="s">
        <v>803</v>
      </c>
      <c r="C113" s="13">
        <v>0</v>
      </c>
      <c r="D113" s="12"/>
      <c r="E113" s="12"/>
      <c r="F113" s="12"/>
      <c r="G113" s="12"/>
      <c r="H113" s="12"/>
      <c r="I113" s="12"/>
    </row>
    <row r="114" spans="1:9" x14ac:dyDescent="0.25">
      <c r="A114" s="2" t="s">
        <v>159</v>
      </c>
      <c r="B114" s="4" t="s">
        <v>804</v>
      </c>
      <c r="C114" s="13">
        <v>0</v>
      </c>
      <c r="D114" s="12"/>
      <c r="E114" s="12"/>
      <c r="F114" s="12"/>
      <c r="G114" s="12"/>
      <c r="H114" s="12"/>
      <c r="I114" s="12"/>
    </row>
    <row r="115" spans="1:9" x14ac:dyDescent="0.25">
      <c r="A115" s="2" t="s">
        <v>161</v>
      </c>
      <c r="B115" s="4" t="s">
        <v>805</v>
      </c>
      <c r="C115" s="13">
        <v>647416386.19000006</v>
      </c>
      <c r="D115" s="12"/>
      <c r="E115" s="12"/>
      <c r="F115" s="12"/>
      <c r="G115" s="12"/>
      <c r="H115" s="12"/>
      <c r="I115" s="12"/>
    </row>
    <row r="116" spans="1:9" x14ac:dyDescent="0.25">
      <c r="C116" s="12"/>
      <c r="D116" s="12"/>
      <c r="E116" s="12"/>
      <c r="F116" s="12"/>
      <c r="G116" s="12"/>
      <c r="H116" s="12"/>
      <c r="I116" s="12"/>
    </row>
    <row r="117" spans="1:9" x14ac:dyDescent="0.25">
      <c r="A117" s="10" t="s">
        <v>6</v>
      </c>
      <c r="B117" s="10" t="s">
        <v>806</v>
      </c>
      <c r="C117" s="14" t="s">
        <v>635</v>
      </c>
      <c r="D117" s="12"/>
      <c r="E117" s="12"/>
      <c r="F117" s="12"/>
      <c r="G117" s="12"/>
      <c r="H117" s="12"/>
      <c r="I117" s="12"/>
    </row>
    <row r="118" spans="1:9" x14ac:dyDescent="0.25">
      <c r="A118" s="10" t="s">
        <v>7</v>
      </c>
      <c r="B118" s="10" t="s">
        <v>7</v>
      </c>
      <c r="C118" s="14" t="s">
        <v>7</v>
      </c>
      <c r="D118" s="12"/>
      <c r="E118" s="12"/>
      <c r="F118" s="12"/>
      <c r="G118" s="12"/>
      <c r="H118" s="12"/>
      <c r="I118" s="12"/>
    </row>
    <row r="119" spans="1:9" x14ac:dyDescent="0.25">
      <c r="A119" s="2" t="s">
        <v>163</v>
      </c>
      <c r="B119" s="4" t="s">
        <v>807</v>
      </c>
      <c r="C119" s="13">
        <v>620284117.29999995</v>
      </c>
      <c r="D119" s="12"/>
      <c r="E119" s="12"/>
      <c r="F119" s="12"/>
      <c r="G119" s="12"/>
      <c r="H119" s="12"/>
      <c r="I119" s="12"/>
    </row>
    <row r="120" spans="1:9" x14ac:dyDescent="0.25">
      <c r="C120" s="12"/>
      <c r="D120" s="12"/>
      <c r="E120" s="12"/>
      <c r="F120" s="12"/>
      <c r="G120" s="12"/>
      <c r="H120" s="12"/>
      <c r="I120" s="12"/>
    </row>
    <row r="121" spans="1:9" x14ac:dyDescent="0.25">
      <c r="A121" s="10" t="s">
        <v>6</v>
      </c>
      <c r="B121" s="10" t="s">
        <v>808</v>
      </c>
      <c r="C121" s="14" t="s">
        <v>635</v>
      </c>
      <c r="D121" s="12"/>
      <c r="E121" s="12"/>
      <c r="F121" s="12"/>
      <c r="G121" s="12"/>
      <c r="H121" s="12"/>
      <c r="I121" s="12"/>
    </row>
    <row r="122" spans="1:9" x14ac:dyDescent="0.25">
      <c r="A122" s="10" t="s">
        <v>7</v>
      </c>
      <c r="B122" s="10" t="s">
        <v>7</v>
      </c>
      <c r="C122" s="14" t="s">
        <v>7</v>
      </c>
      <c r="D122" s="12"/>
      <c r="E122" s="12"/>
      <c r="F122" s="12"/>
      <c r="G122" s="12"/>
      <c r="H122" s="12"/>
      <c r="I122" s="12"/>
    </row>
    <row r="123" spans="1:9" x14ac:dyDescent="0.25">
      <c r="A123" s="3" t="s">
        <v>165</v>
      </c>
      <c r="B123" s="5" t="s">
        <v>809</v>
      </c>
      <c r="C123" s="11">
        <v>2580501142.6900001</v>
      </c>
      <c r="D123" s="12"/>
      <c r="E123" s="12"/>
      <c r="F123" s="12"/>
      <c r="G123" s="12"/>
      <c r="H123" s="12"/>
      <c r="I123" s="12"/>
    </row>
    <row r="124" spans="1:9" x14ac:dyDescent="0.25">
      <c r="A124" s="2" t="s">
        <v>178</v>
      </c>
      <c r="B124" s="4" t="s">
        <v>164</v>
      </c>
      <c r="C124" s="13">
        <v>0</v>
      </c>
      <c r="D124" s="12"/>
      <c r="E124" s="12"/>
      <c r="F124" s="12"/>
      <c r="G124" s="12"/>
      <c r="H124" s="12"/>
      <c r="I124" s="12"/>
    </row>
    <row r="125" spans="1:9" x14ac:dyDescent="0.25">
      <c r="A125" s="2" t="s">
        <v>180</v>
      </c>
      <c r="B125" s="4" t="s">
        <v>810</v>
      </c>
      <c r="C125" s="13">
        <v>2580501142.6900001</v>
      </c>
      <c r="D125" s="12"/>
      <c r="E125" s="12"/>
      <c r="F125" s="12"/>
      <c r="G125" s="12"/>
      <c r="H125" s="12"/>
      <c r="I125" s="12"/>
    </row>
    <row r="126" spans="1:9" x14ac:dyDescent="0.25">
      <c r="A126" s="2" t="s">
        <v>182</v>
      </c>
      <c r="B126" s="4" t="s">
        <v>637</v>
      </c>
      <c r="C126" s="13">
        <v>0</v>
      </c>
      <c r="D126" s="12"/>
      <c r="E126" s="12"/>
      <c r="F126" s="12"/>
      <c r="G126" s="12"/>
      <c r="H126" s="12"/>
      <c r="I126" s="12"/>
    </row>
    <row r="127" spans="1:9" x14ac:dyDescent="0.25">
      <c r="C127" s="12"/>
      <c r="D127" s="12"/>
      <c r="E127" s="12"/>
      <c r="F127" s="12"/>
      <c r="G127" s="12"/>
      <c r="H127" s="12"/>
      <c r="I127" s="12"/>
    </row>
  </sheetData>
  <mergeCells count="43">
    <mergeCell ref="A117:A118"/>
    <mergeCell ref="B117:B118"/>
    <mergeCell ref="C117:C118"/>
    <mergeCell ref="A121:A122"/>
    <mergeCell ref="B121:B122"/>
    <mergeCell ref="C121:C122"/>
    <mergeCell ref="A102:A103"/>
    <mergeCell ref="B102:B103"/>
    <mergeCell ref="C102:C103"/>
    <mergeCell ref="A106:A107"/>
    <mergeCell ref="B106:B107"/>
    <mergeCell ref="C106:C107"/>
    <mergeCell ref="A87:A88"/>
    <mergeCell ref="B87:B88"/>
    <mergeCell ref="C87:C88"/>
    <mergeCell ref="A91:A92"/>
    <mergeCell ref="B91:B92"/>
    <mergeCell ref="C91:D91"/>
    <mergeCell ref="A78:A79"/>
    <mergeCell ref="B78:B79"/>
    <mergeCell ref="A83:A84"/>
    <mergeCell ref="B83:B84"/>
    <mergeCell ref="C83:C84"/>
    <mergeCell ref="A70:A71"/>
    <mergeCell ref="B70:B71"/>
    <mergeCell ref="C70:C71"/>
    <mergeCell ref="A74:A75"/>
    <mergeCell ref="B74:B75"/>
    <mergeCell ref="C74:C75"/>
    <mergeCell ref="A9:I9"/>
    <mergeCell ref="A10:A11"/>
    <mergeCell ref="B10:B11"/>
    <mergeCell ref="C10:C11"/>
    <mergeCell ref="A49:A50"/>
    <mergeCell ref="B49:B50"/>
    <mergeCell ref="C49:C50"/>
    <mergeCell ref="D49:G49"/>
    <mergeCell ref="H49:I49"/>
    <mergeCell ref="A3:I3"/>
    <mergeCell ref="A4:I4"/>
    <mergeCell ref="A5:I5"/>
    <mergeCell ref="A6:I6"/>
    <mergeCell ref="A7:I7"/>
  </mergeCells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N40"/>
  <sheetViews>
    <sheetView showGridLines="0" workbookViewId="0"/>
  </sheetViews>
  <sheetFormatPr defaultRowHeight="15" x14ac:dyDescent="0.25"/>
  <cols>
    <col min="3" max="3" width="16" bestFit="1" customWidth="1"/>
    <col min="4" max="5" width="17.28515625" bestFit="1" customWidth="1"/>
    <col min="6" max="8" width="16" bestFit="1" customWidth="1"/>
    <col min="9" max="11" width="17.28515625" bestFit="1" customWidth="1"/>
    <col min="12" max="12" width="16" bestFit="1" customWidth="1"/>
    <col min="13" max="14" width="17.28515625" bestFit="1" customWidth="1"/>
  </cols>
  <sheetData>
    <row r="3" spans="1:14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7"/>
    </row>
    <row r="4" spans="1:14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  <c r="N4" s="7"/>
    </row>
    <row r="5" spans="1:14" x14ac:dyDescent="0.25">
      <c r="A5" s="8" t="s">
        <v>811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</row>
    <row r="6" spans="1:14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  <c r="N6" s="7"/>
    </row>
    <row r="7" spans="1:14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  <c r="N7" s="7"/>
    </row>
    <row r="9" spans="1:14" x14ac:dyDescent="0.25">
      <c r="A9" s="9" t="s">
        <v>812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  <c r="N9" s="7"/>
    </row>
    <row r="10" spans="1:14" x14ac:dyDescent="0.25">
      <c r="A10" s="10" t="s">
        <v>6</v>
      </c>
      <c r="B10" s="10" t="s">
        <v>813</v>
      </c>
      <c r="C10" s="10" t="s">
        <v>814</v>
      </c>
      <c r="D10" s="10" t="s">
        <v>7</v>
      </c>
      <c r="E10" s="10" t="s">
        <v>7</v>
      </c>
      <c r="F10" s="10" t="s">
        <v>7</v>
      </c>
      <c r="G10" s="10" t="s">
        <v>7</v>
      </c>
      <c r="H10" s="10" t="s">
        <v>820</v>
      </c>
      <c r="I10" s="10" t="s">
        <v>7</v>
      </c>
      <c r="J10" s="10" t="s">
        <v>7</v>
      </c>
      <c r="K10" s="10" t="s">
        <v>7</v>
      </c>
      <c r="L10" s="10" t="s">
        <v>7</v>
      </c>
      <c r="M10" s="10" t="s">
        <v>7</v>
      </c>
      <c r="N10" s="10" t="s">
        <v>827</v>
      </c>
    </row>
    <row r="11" spans="1:14" ht="63" x14ac:dyDescent="0.25">
      <c r="A11" s="10" t="s">
        <v>7</v>
      </c>
      <c r="B11" s="10" t="s">
        <v>7</v>
      </c>
      <c r="C11" s="1" t="s">
        <v>815</v>
      </c>
      <c r="D11" s="1" t="s">
        <v>816</v>
      </c>
      <c r="E11" s="1" t="s">
        <v>817</v>
      </c>
      <c r="F11" s="1" t="s">
        <v>818</v>
      </c>
      <c r="G11" s="1" t="s">
        <v>819</v>
      </c>
      <c r="H11" s="1" t="s">
        <v>821</v>
      </c>
      <c r="I11" s="1" t="s">
        <v>822</v>
      </c>
      <c r="J11" s="1" t="s">
        <v>823</v>
      </c>
      <c r="K11" s="1" t="s">
        <v>824</v>
      </c>
      <c r="L11" s="1" t="s">
        <v>825</v>
      </c>
      <c r="M11" s="1" t="s">
        <v>826</v>
      </c>
      <c r="N11" s="10" t="s">
        <v>7</v>
      </c>
    </row>
    <row r="12" spans="1:14" x14ac:dyDescent="0.25">
      <c r="A12" s="3" t="s">
        <v>17</v>
      </c>
      <c r="B12" s="5" t="s">
        <v>828</v>
      </c>
      <c r="C12" s="11">
        <v>57989275.469999999</v>
      </c>
      <c r="D12" s="11">
        <v>90841684.670000002</v>
      </c>
      <c r="E12" s="11">
        <v>89825282.450000003</v>
      </c>
      <c r="F12" s="11">
        <v>18935039.690000001</v>
      </c>
      <c r="G12" s="11">
        <v>40070638</v>
      </c>
      <c r="H12" s="11">
        <v>62589881.68</v>
      </c>
      <c r="I12" s="11">
        <v>948742763.49000001</v>
      </c>
      <c r="J12" s="11">
        <v>546710420.32000005</v>
      </c>
      <c r="K12" s="11">
        <v>538357326.5</v>
      </c>
      <c r="L12" s="11">
        <v>85636460.480000004</v>
      </c>
      <c r="M12" s="11">
        <v>387338858.19</v>
      </c>
      <c r="N12" s="11">
        <v>427409496.19</v>
      </c>
    </row>
    <row r="13" spans="1:14" x14ac:dyDescent="0.25">
      <c r="A13" s="2" t="s">
        <v>19</v>
      </c>
      <c r="B13" s="4" t="s">
        <v>829</v>
      </c>
      <c r="C13" s="13">
        <v>57989275.310000002</v>
      </c>
      <c r="D13" s="13">
        <v>75760443.819999993</v>
      </c>
      <c r="E13" s="13">
        <v>74869754.530000001</v>
      </c>
      <c r="F13" s="13">
        <v>18934984.460000001</v>
      </c>
      <c r="G13" s="13">
        <v>39944980.140000001</v>
      </c>
      <c r="H13" s="13">
        <v>61774663.950000003</v>
      </c>
      <c r="I13" s="13">
        <v>877808695.11000001</v>
      </c>
      <c r="J13" s="13">
        <v>504753228.51999998</v>
      </c>
      <c r="K13" s="13">
        <v>496404634.69999999</v>
      </c>
      <c r="L13" s="13">
        <v>78652189.159999996</v>
      </c>
      <c r="M13" s="13">
        <v>364526535.19999999</v>
      </c>
      <c r="N13" s="13">
        <v>404471515.33999997</v>
      </c>
    </row>
    <row r="14" spans="1:14" x14ac:dyDescent="0.25">
      <c r="A14" s="3" t="s">
        <v>21</v>
      </c>
      <c r="B14" s="5" t="s">
        <v>830</v>
      </c>
      <c r="C14" s="11">
        <v>0</v>
      </c>
      <c r="D14" s="11">
        <v>4007941.41</v>
      </c>
      <c r="E14" s="11">
        <v>4007941.41</v>
      </c>
      <c r="F14" s="11">
        <v>0</v>
      </c>
      <c r="G14" s="11">
        <v>0</v>
      </c>
      <c r="H14" s="11">
        <v>815217.73</v>
      </c>
      <c r="I14" s="11">
        <v>12006784.75</v>
      </c>
      <c r="J14" s="11">
        <v>8089429.46</v>
      </c>
      <c r="K14" s="11">
        <v>8089429.46</v>
      </c>
      <c r="L14" s="11">
        <v>1074391.51</v>
      </c>
      <c r="M14" s="11">
        <v>3658181.51</v>
      </c>
      <c r="N14" s="11">
        <v>3658181.51</v>
      </c>
    </row>
    <row r="15" spans="1:14" x14ac:dyDescent="0.25">
      <c r="A15" s="2" t="s">
        <v>23</v>
      </c>
      <c r="B15" s="4" t="s">
        <v>831</v>
      </c>
      <c r="C15" s="13">
        <v>0</v>
      </c>
      <c r="D15" s="13">
        <v>3334180.51</v>
      </c>
      <c r="E15" s="13">
        <v>3334180.51</v>
      </c>
      <c r="F15" s="13">
        <v>0</v>
      </c>
      <c r="G15" s="13">
        <v>0</v>
      </c>
      <c r="H15" s="13">
        <v>815217.73</v>
      </c>
      <c r="I15" s="13">
        <v>6326691.0800000001</v>
      </c>
      <c r="J15" s="13">
        <v>3518645.3</v>
      </c>
      <c r="K15" s="13">
        <v>3518645.3</v>
      </c>
      <c r="L15" s="13">
        <v>0</v>
      </c>
      <c r="M15" s="13">
        <v>3623263.51</v>
      </c>
      <c r="N15" s="13">
        <v>3623263.51</v>
      </c>
    </row>
    <row r="16" spans="1:14" x14ac:dyDescent="0.25">
      <c r="A16" s="2" t="s">
        <v>25</v>
      </c>
      <c r="B16" s="4" t="s">
        <v>832</v>
      </c>
      <c r="C16" s="13">
        <v>0</v>
      </c>
      <c r="D16" s="13">
        <v>673760.9</v>
      </c>
      <c r="E16" s="13">
        <v>673760.9</v>
      </c>
      <c r="F16" s="13">
        <v>0</v>
      </c>
      <c r="G16" s="13">
        <v>0</v>
      </c>
      <c r="H16" s="13">
        <v>0</v>
      </c>
      <c r="I16" s="13">
        <v>5620093.6699999999</v>
      </c>
      <c r="J16" s="13">
        <v>4510784.16</v>
      </c>
      <c r="K16" s="13">
        <v>4510784.16</v>
      </c>
      <c r="L16" s="13">
        <v>1074391.51</v>
      </c>
      <c r="M16" s="13">
        <v>34918</v>
      </c>
      <c r="N16" s="13">
        <v>34918</v>
      </c>
    </row>
    <row r="17" spans="1:14" x14ac:dyDescent="0.25">
      <c r="A17" s="2" t="s">
        <v>27</v>
      </c>
      <c r="B17" s="4" t="s">
        <v>833</v>
      </c>
      <c r="C17" s="13">
        <v>0</v>
      </c>
      <c r="D17" s="13">
        <v>0</v>
      </c>
      <c r="E17" s="13">
        <v>0</v>
      </c>
      <c r="F17" s="13">
        <v>0</v>
      </c>
      <c r="G17" s="13">
        <v>0</v>
      </c>
      <c r="H17" s="13">
        <v>0</v>
      </c>
      <c r="I17" s="13">
        <v>60000</v>
      </c>
      <c r="J17" s="13">
        <v>60000</v>
      </c>
      <c r="K17" s="13">
        <v>60000</v>
      </c>
      <c r="L17" s="13">
        <v>0</v>
      </c>
      <c r="M17" s="13">
        <v>0</v>
      </c>
      <c r="N17" s="13">
        <v>0</v>
      </c>
    </row>
    <row r="18" spans="1:14" x14ac:dyDescent="0.25">
      <c r="A18" s="3" t="s">
        <v>29</v>
      </c>
      <c r="B18" s="5" t="s">
        <v>834</v>
      </c>
      <c r="C18" s="11">
        <v>0.16</v>
      </c>
      <c r="D18" s="11">
        <v>3788905.55</v>
      </c>
      <c r="E18" s="11">
        <v>3761603.51</v>
      </c>
      <c r="F18" s="11">
        <v>55.23</v>
      </c>
      <c r="G18" s="11">
        <v>27246.97</v>
      </c>
      <c r="H18" s="11">
        <v>0</v>
      </c>
      <c r="I18" s="11">
        <v>22162350.27</v>
      </c>
      <c r="J18" s="11">
        <v>16503139.449999999</v>
      </c>
      <c r="K18" s="11">
        <v>16503139.449999999</v>
      </c>
      <c r="L18" s="11">
        <v>4928933.12</v>
      </c>
      <c r="M18" s="11">
        <v>730277.7</v>
      </c>
      <c r="N18" s="11">
        <v>757524.67</v>
      </c>
    </row>
    <row r="19" spans="1:14" x14ac:dyDescent="0.25">
      <c r="A19" s="2" t="s">
        <v>31</v>
      </c>
      <c r="B19" s="4" t="s">
        <v>835</v>
      </c>
      <c r="C19" s="13">
        <v>0.16</v>
      </c>
      <c r="D19" s="13">
        <v>2444872.67</v>
      </c>
      <c r="E19" s="13">
        <v>2417570.63</v>
      </c>
      <c r="F19" s="13">
        <v>55.23</v>
      </c>
      <c r="G19" s="13">
        <v>27246.97</v>
      </c>
      <c r="H19" s="13">
        <v>0</v>
      </c>
      <c r="I19" s="13">
        <v>685000</v>
      </c>
      <c r="J19" s="13">
        <v>670663.01</v>
      </c>
      <c r="K19" s="13">
        <v>670663.01</v>
      </c>
      <c r="L19" s="13">
        <v>0</v>
      </c>
      <c r="M19" s="13">
        <v>14336.99</v>
      </c>
      <c r="N19" s="13">
        <v>41583.96</v>
      </c>
    </row>
    <row r="20" spans="1:14" x14ac:dyDescent="0.25">
      <c r="A20" s="2" t="s">
        <v>33</v>
      </c>
      <c r="B20" s="4" t="s">
        <v>836</v>
      </c>
      <c r="C20" s="13">
        <v>0</v>
      </c>
      <c r="D20" s="13">
        <v>1344032.88</v>
      </c>
      <c r="E20" s="13">
        <v>1344032.88</v>
      </c>
      <c r="F20" s="13">
        <v>0</v>
      </c>
      <c r="G20" s="13">
        <v>0</v>
      </c>
      <c r="H20" s="13">
        <v>0</v>
      </c>
      <c r="I20" s="13">
        <v>21477350.27</v>
      </c>
      <c r="J20" s="13">
        <v>15832476.439999999</v>
      </c>
      <c r="K20" s="13">
        <v>15832476.439999999</v>
      </c>
      <c r="L20" s="13">
        <v>4928933.12</v>
      </c>
      <c r="M20" s="13">
        <v>715940.71</v>
      </c>
      <c r="N20" s="13">
        <v>715940.71</v>
      </c>
    </row>
    <row r="21" spans="1:14" x14ac:dyDescent="0.25">
      <c r="A21" s="3" t="s">
        <v>35</v>
      </c>
      <c r="B21" s="5" t="s">
        <v>837</v>
      </c>
      <c r="C21" s="11">
        <v>0</v>
      </c>
      <c r="D21" s="11">
        <v>6820249.0099999998</v>
      </c>
      <c r="E21" s="11">
        <v>6721838.1200000001</v>
      </c>
      <c r="F21" s="11">
        <v>0</v>
      </c>
      <c r="G21" s="11">
        <v>98410.89</v>
      </c>
      <c r="H21" s="11">
        <v>0</v>
      </c>
      <c r="I21" s="11">
        <v>34568944.939999998</v>
      </c>
      <c r="J21" s="11">
        <v>16093488.310000001</v>
      </c>
      <c r="K21" s="11">
        <v>16088988.310000001</v>
      </c>
      <c r="L21" s="11">
        <v>167274.37</v>
      </c>
      <c r="M21" s="11">
        <v>18312682.260000002</v>
      </c>
      <c r="N21" s="11">
        <v>18411093.149999999</v>
      </c>
    </row>
    <row r="22" spans="1:14" x14ac:dyDescent="0.25">
      <c r="A22" s="2" t="s">
        <v>37</v>
      </c>
      <c r="B22" s="4" t="s">
        <v>838</v>
      </c>
      <c r="C22" s="13">
        <v>0</v>
      </c>
      <c r="D22" s="13">
        <v>6820249.0099999998</v>
      </c>
      <c r="E22" s="13">
        <v>6721838.1200000001</v>
      </c>
      <c r="F22" s="13">
        <v>0</v>
      </c>
      <c r="G22" s="13">
        <v>98410.89</v>
      </c>
      <c r="H22" s="13">
        <v>0</v>
      </c>
      <c r="I22" s="13">
        <v>7720499.4100000001</v>
      </c>
      <c r="J22" s="13">
        <v>5907587.2599999998</v>
      </c>
      <c r="K22" s="13">
        <v>5907587.2599999998</v>
      </c>
      <c r="L22" s="13">
        <v>102622.23</v>
      </c>
      <c r="M22" s="13">
        <v>1710289.9199999999</v>
      </c>
      <c r="N22" s="13">
        <v>1808700.81</v>
      </c>
    </row>
    <row r="23" spans="1:14" x14ac:dyDescent="0.25">
      <c r="A23" s="2" t="s">
        <v>39</v>
      </c>
      <c r="B23" s="4" t="s">
        <v>839</v>
      </c>
      <c r="C23" s="13">
        <v>0</v>
      </c>
      <c r="D23" s="13">
        <v>0</v>
      </c>
      <c r="E23" s="13">
        <v>0</v>
      </c>
      <c r="F23" s="13">
        <v>0</v>
      </c>
      <c r="G23" s="13">
        <v>0</v>
      </c>
      <c r="H23" s="13">
        <v>0</v>
      </c>
      <c r="I23" s="13">
        <v>26848445.530000001</v>
      </c>
      <c r="J23" s="13">
        <v>10185901.050000001</v>
      </c>
      <c r="K23" s="13">
        <v>10181401.050000001</v>
      </c>
      <c r="L23" s="13">
        <v>64652.14</v>
      </c>
      <c r="M23" s="13">
        <v>16602392.34</v>
      </c>
      <c r="N23" s="13">
        <v>16602392.34</v>
      </c>
    </row>
    <row r="24" spans="1:14" x14ac:dyDescent="0.25">
      <c r="A24" s="2" t="s">
        <v>41</v>
      </c>
      <c r="B24" s="4" t="s">
        <v>840</v>
      </c>
      <c r="C24" s="13">
        <v>0</v>
      </c>
      <c r="D24" s="13">
        <v>0</v>
      </c>
      <c r="E24" s="13">
        <v>0</v>
      </c>
      <c r="F24" s="13">
        <v>0</v>
      </c>
      <c r="G24" s="13">
        <v>0</v>
      </c>
      <c r="H24" s="13">
        <v>0</v>
      </c>
      <c r="I24" s="13">
        <v>0</v>
      </c>
      <c r="J24" s="13">
        <v>0</v>
      </c>
      <c r="K24" s="13">
        <v>0</v>
      </c>
      <c r="L24" s="13">
        <v>0</v>
      </c>
      <c r="M24" s="13">
        <v>0</v>
      </c>
      <c r="N24" s="13">
        <v>0</v>
      </c>
    </row>
    <row r="25" spans="1:14" x14ac:dyDescent="0.25">
      <c r="A25" s="2" t="s">
        <v>43</v>
      </c>
      <c r="B25" s="4" t="s">
        <v>841</v>
      </c>
      <c r="C25" s="13">
        <v>0</v>
      </c>
      <c r="D25" s="13">
        <v>464144.88</v>
      </c>
      <c r="E25" s="13">
        <v>464144.88</v>
      </c>
      <c r="F25" s="13">
        <v>0</v>
      </c>
      <c r="G25" s="13">
        <v>0</v>
      </c>
      <c r="H25" s="13">
        <v>0</v>
      </c>
      <c r="I25" s="13">
        <v>2195988.42</v>
      </c>
      <c r="J25" s="13">
        <v>1271134.58</v>
      </c>
      <c r="K25" s="13">
        <v>1271134.58</v>
      </c>
      <c r="L25" s="13">
        <v>813672.32</v>
      </c>
      <c r="M25" s="13">
        <v>111181.52</v>
      </c>
      <c r="N25" s="13">
        <v>111181.52</v>
      </c>
    </row>
    <row r="26" spans="1:14" x14ac:dyDescent="0.25">
      <c r="A26" s="3" t="s">
        <v>45</v>
      </c>
      <c r="B26" s="5" t="s">
        <v>842</v>
      </c>
      <c r="C26" s="11">
        <v>1289161.1599999999</v>
      </c>
      <c r="D26" s="11">
        <v>16334577.1</v>
      </c>
      <c r="E26" s="11">
        <v>16293652.52</v>
      </c>
      <c r="F26" s="11">
        <v>1435.58</v>
      </c>
      <c r="G26" s="11">
        <v>1328650.1599999999</v>
      </c>
      <c r="H26" s="11">
        <v>0</v>
      </c>
      <c r="I26" s="11">
        <v>0</v>
      </c>
      <c r="J26" s="11">
        <v>0</v>
      </c>
      <c r="K26" s="11">
        <v>0</v>
      </c>
      <c r="L26" s="11">
        <v>0</v>
      </c>
      <c r="M26" s="11">
        <v>0</v>
      </c>
      <c r="N26" s="11">
        <v>1328650.1599999999</v>
      </c>
    </row>
    <row r="27" spans="1:14" x14ac:dyDescent="0.25">
      <c r="A27" s="2" t="s">
        <v>47</v>
      </c>
      <c r="B27" s="4" t="s">
        <v>843</v>
      </c>
      <c r="C27" s="13">
        <v>1289106.3400000001</v>
      </c>
      <c r="D27" s="13">
        <v>868983.64</v>
      </c>
      <c r="E27" s="13">
        <v>864852.52</v>
      </c>
      <c r="F27" s="13">
        <v>1435.58</v>
      </c>
      <c r="G27" s="13">
        <v>1291801.8799999999</v>
      </c>
      <c r="H27" s="13">
        <v>0</v>
      </c>
      <c r="I27" s="13">
        <v>0</v>
      </c>
      <c r="J27" s="13">
        <v>0</v>
      </c>
      <c r="K27" s="13">
        <v>0</v>
      </c>
      <c r="L27" s="13">
        <v>0</v>
      </c>
      <c r="M27" s="13">
        <v>0</v>
      </c>
      <c r="N27" s="13">
        <v>1291801.8799999999</v>
      </c>
    </row>
    <row r="28" spans="1:14" x14ac:dyDescent="0.25">
      <c r="A28" s="3" t="s">
        <v>49</v>
      </c>
      <c r="B28" s="5" t="s">
        <v>844</v>
      </c>
      <c r="C28" s="11">
        <v>0</v>
      </c>
      <c r="D28" s="11">
        <v>17431.84</v>
      </c>
      <c r="E28" s="11">
        <v>17431.84</v>
      </c>
      <c r="F28" s="11">
        <v>0</v>
      </c>
      <c r="G28" s="11">
        <v>0</v>
      </c>
      <c r="H28" s="11">
        <v>0</v>
      </c>
      <c r="I28" s="11">
        <v>0</v>
      </c>
      <c r="J28" s="11">
        <v>0</v>
      </c>
      <c r="K28" s="11">
        <v>0</v>
      </c>
      <c r="L28" s="11">
        <v>0</v>
      </c>
      <c r="M28" s="11">
        <v>0</v>
      </c>
      <c r="N28" s="11">
        <v>0</v>
      </c>
    </row>
    <row r="29" spans="1:14" x14ac:dyDescent="0.25">
      <c r="A29" s="2" t="s">
        <v>51</v>
      </c>
      <c r="B29" s="4" t="s">
        <v>831</v>
      </c>
      <c r="C29" s="13">
        <v>0</v>
      </c>
      <c r="D29" s="13">
        <v>16865.52</v>
      </c>
      <c r="E29" s="13">
        <v>16865.52</v>
      </c>
      <c r="F29" s="13">
        <v>0</v>
      </c>
      <c r="G29" s="13">
        <v>0</v>
      </c>
      <c r="H29" s="13">
        <v>0</v>
      </c>
      <c r="I29" s="13">
        <v>0</v>
      </c>
      <c r="J29" s="13">
        <v>0</v>
      </c>
      <c r="K29" s="13">
        <v>0</v>
      </c>
      <c r="L29" s="13">
        <v>0</v>
      </c>
      <c r="M29" s="13">
        <v>0</v>
      </c>
      <c r="N29" s="13">
        <v>0</v>
      </c>
    </row>
    <row r="30" spans="1:14" x14ac:dyDescent="0.25">
      <c r="A30" s="2" t="s">
        <v>53</v>
      </c>
      <c r="B30" s="4" t="s">
        <v>832</v>
      </c>
      <c r="C30" s="13">
        <v>0</v>
      </c>
      <c r="D30" s="13">
        <v>566.32000000000005</v>
      </c>
      <c r="E30" s="13">
        <v>566.32000000000005</v>
      </c>
      <c r="F30" s="13">
        <v>0</v>
      </c>
      <c r="G30" s="13">
        <v>0</v>
      </c>
      <c r="H30" s="13">
        <v>0</v>
      </c>
      <c r="I30" s="13">
        <v>0</v>
      </c>
      <c r="J30" s="13">
        <v>0</v>
      </c>
      <c r="K30" s="13">
        <v>0</v>
      </c>
      <c r="L30" s="13">
        <v>0</v>
      </c>
      <c r="M30" s="13">
        <v>0</v>
      </c>
      <c r="N30" s="13">
        <v>0</v>
      </c>
    </row>
    <row r="31" spans="1:14" x14ac:dyDescent="0.25">
      <c r="A31" s="2" t="s">
        <v>55</v>
      </c>
      <c r="B31" s="4" t="s">
        <v>833</v>
      </c>
      <c r="C31" s="13">
        <v>0</v>
      </c>
      <c r="D31" s="13">
        <v>0</v>
      </c>
      <c r="E31" s="13">
        <v>0</v>
      </c>
      <c r="F31" s="13">
        <v>0</v>
      </c>
      <c r="G31" s="13">
        <v>0</v>
      </c>
      <c r="H31" s="13">
        <v>0</v>
      </c>
      <c r="I31" s="13">
        <v>0</v>
      </c>
      <c r="J31" s="13">
        <v>0</v>
      </c>
      <c r="K31" s="13">
        <v>0</v>
      </c>
      <c r="L31" s="13">
        <v>0</v>
      </c>
      <c r="M31" s="13">
        <v>0</v>
      </c>
      <c r="N31" s="13">
        <v>0</v>
      </c>
    </row>
    <row r="32" spans="1:14" x14ac:dyDescent="0.25">
      <c r="A32" s="3" t="s">
        <v>57</v>
      </c>
      <c r="B32" s="5" t="s">
        <v>845</v>
      </c>
      <c r="C32" s="11">
        <v>54.82</v>
      </c>
      <c r="D32" s="11">
        <v>13173721.390000001</v>
      </c>
      <c r="E32" s="11">
        <v>13136927.93</v>
      </c>
      <c r="F32" s="11">
        <v>0</v>
      </c>
      <c r="G32" s="11">
        <v>36848.28</v>
      </c>
      <c r="H32" s="11">
        <v>0</v>
      </c>
      <c r="I32" s="11">
        <v>0</v>
      </c>
      <c r="J32" s="11">
        <v>0</v>
      </c>
      <c r="K32" s="11">
        <v>0</v>
      </c>
      <c r="L32" s="11">
        <v>0</v>
      </c>
      <c r="M32" s="11">
        <v>0</v>
      </c>
      <c r="N32" s="11">
        <v>36848.28</v>
      </c>
    </row>
    <row r="33" spans="1:14" x14ac:dyDescent="0.25">
      <c r="A33" s="2" t="s">
        <v>59</v>
      </c>
      <c r="B33" s="4" t="s">
        <v>835</v>
      </c>
      <c r="C33" s="13">
        <v>54.82</v>
      </c>
      <c r="D33" s="13">
        <v>13173721.390000001</v>
      </c>
      <c r="E33" s="13">
        <v>13136927.93</v>
      </c>
      <c r="F33" s="13">
        <v>0</v>
      </c>
      <c r="G33" s="13">
        <v>36848.28</v>
      </c>
      <c r="H33" s="13">
        <v>0</v>
      </c>
      <c r="I33" s="13">
        <v>0</v>
      </c>
      <c r="J33" s="13">
        <v>0</v>
      </c>
      <c r="K33" s="13">
        <v>0</v>
      </c>
      <c r="L33" s="13">
        <v>0</v>
      </c>
      <c r="M33" s="13">
        <v>0</v>
      </c>
      <c r="N33" s="13">
        <v>36848.28</v>
      </c>
    </row>
    <row r="34" spans="1:14" x14ac:dyDescent="0.25">
      <c r="A34" s="2" t="s">
        <v>61</v>
      </c>
      <c r="B34" s="4" t="s">
        <v>836</v>
      </c>
      <c r="C34" s="13">
        <v>0</v>
      </c>
      <c r="D34" s="13">
        <v>0</v>
      </c>
      <c r="E34" s="13">
        <v>0</v>
      </c>
      <c r="F34" s="13">
        <v>0</v>
      </c>
      <c r="G34" s="13">
        <v>0</v>
      </c>
      <c r="H34" s="13">
        <v>0</v>
      </c>
      <c r="I34" s="13">
        <v>0</v>
      </c>
      <c r="J34" s="13">
        <v>0</v>
      </c>
      <c r="K34" s="13">
        <v>0</v>
      </c>
      <c r="L34" s="13">
        <v>0</v>
      </c>
      <c r="M34" s="13">
        <v>0</v>
      </c>
      <c r="N34" s="13">
        <v>0</v>
      </c>
    </row>
    <row r="35" spans="1:14" x14ac:dyDescent="0.25">
      <c r="A35" s="3" t="s">
        <v>63</v>
      </c>
      <c r="B35" s="5" t="s">
        <v>837</v>
      </c>
      <c r="C35" s="11">
        <v>0</v>
      </c>
      <c r="D35" s="11">
        <v>0</v>
      </c>
      <c r="E35" s="11">
        <v>0</v>
      </c>
      <c r="F35" s="11">
        <v>0</v>
      </c>
      <c r="G35" s="11">
        <v>0</v>
      </c>
      <c r="H35" s="11">
        <v>0</v>
      </c>
      <c r="I35" s="11">
        <v>0</v>
      </c>
      <c r="J35" s="11">
        <v>0</v>
      </c>
      <c r="K35" s="11">
        <v>0</v>
      </c>
      <c r="L35" s="11">
        <v>0</v>
      </c>
      <c r="M35" s="11">
        <v>0</v>
      </c>
      <c r="N35" s="11">
        <v>0</v>
      </c>
    </row>
    <row r="36" spans="1:14" x14ac:dyDescent="0.25">
      <c r="A36" s="2" t="s">
        <v>65</v>
      </c>
      <c r="B36" s="4" t="s">
        <v>838</v>
      </c>
      <c r="C36" s="13">
        <v>0</v>
      </c>
      <c r="D36" s="13">
        <v>0</v>
      </c>
      <c r="E36" s="13">
        <v>0</v>
      </c>
      <c r="F36" s="13">
        <v>0</v>
      </c>
      <c r="G36" s="13">
        <v>0</v>
      </c>
      <c r="H36" s="13">
        <v>0</v>
      </c>
      <c r="I36" s="13">
        <v>0</v>
      </c>
      <c r="J36" s="13">
        <v>0</v>
      </c>
      <c r="K36" s="13">
        <v>0</v>
      </c>
      <c r="L36" s="13">
        <v>0</v>
      </c>
      <c r="M36" s="13">
        <v>0</v>
      </c>
      <c r="N36" s="13">
        <v>0</v>
      </c>
    </row>
    <row r="37" spans="1:14" x14ac:dyDescent="0.25">
      <c r="A37" s="2" t="s">
        <v>67</v>
      </c>
      <c r="B37" s="4" t="s">
        <v>839</v>
      </c>
      <c r="C37" s="13">
        <v>0</v>
      </c>
      <c r="D37" s="13">
        <v>0</v>
      </c>
      <c r="E37" s="13">
        <v>0</v>
      </c>
      <c r="F37" s="13">
        <v>0</v>
      </c>
      <c r="G37" s="13">
        <v>0</v>
      </c>
      <c r="H37" s="13">
        <v>0</v>
      </c>
      <c r="I37" s="13">
        <v>0</v>
      </c>
      <c r="J37" s="13">
        <v>0</v>
      </c>
      <c r="K37" s="13">
        <v>0</v>
      </c>
      <c r="L37" s="13">
        <v>0</v>
      </c>
      <c r="M37" s="13">
        <v>0</v>
      </c>
      <c r="N37" s="13">
        <v>0</v>
      </c>
    </row>
    <row r="38" spans="1:14" x14ac:dyDescent="0.25">
      <c r="A38" s="2" t="s">
        <v>69</v>
      </c>
      <c r="B38" s="4" t="s">
        <v>840</v>
      </c>
      <c r="C38" s="13">
        <v>0</v>
      </c>
      <c r="D38" s="13">
        <v>0</v>
      </c>
      <c r="E38" s="13">
        <v>0</v>
      </c>
      <c r="F38" s="13">
        <v>0</v>
      </c>
      <c r="G38" s="13">
        <v>0</v>
      </c>
      <c r="H38" s="13">
        <v>0</v>
      </c>
      <c r="I38" s="13">
        <v>0</v>
      </c>
      <c r="J38" s="13">
        <v>0</v>
      </c>
      <c r="K38" s="13">
        <v>0</v>
      </c>
      <c r="L38" s="13">
        <v>0</v>
      </c>
      <c r="M38" s="13">
        <v>0</v>
      </c>
      <c r="N38" s="13">
        <v>0</v>
      </c>
    </row>
    <row r="39" spans="1:14" x14ac:dyDescent="0.25">
      <c r="A39" s="2" t="s">
        <v>71</v>
      </c>
      <c r="B39" s="4" t="s">
        <v>841</v>
      </c>
      <c r="C39" s="13">
        <v>0</v>
      </c>
      <c r="D39" s="13">
        <v>2274440.23</v>
      </c>
      <c r="E39" s="13">
        <v>2274440.23</v>
      </c>
      <c r="F39" s="13">
        <v>0</v>
      </c>
      <c r="G39" s="13">
        <v>0</v>
      </c>
      <c r="H39" s="13">
        <v>0</v>
      </c>
      <c r="I39" s="13">
        <v>0</v>
      </c>
      <c r="J39" s="13">
        <v>0</v>
      </c>
      <c r="K39" s="13">
        <v>0</v>
      </c>
      <c r="L39" s="13">
        <v>0</v>
      </c>
      <c r="M39" s="13">
        <v>0</v>
      </c>
      <c r="N39" s="13">
        <v>0</v>
      </c>
    </row>
    <row r="40" spans="1:14" x14ac:dyDescent="0.25">
      <c r="A40" s="3" t="s">
        <v>73</v>
      </c>
      <c r="B40" s="5" t="s">
        <v>846</v>
      </c>
      <c r="C40" s="11">
        <v>59278436.630000003</v>
      </c>
      <c r="D40" s="11">
        <v>107176261.77</v>
      </c>
      <c r="E40" s="11">
        <v>106118934.97</v>
      </c>
      <c r="F40" s="11">
        <v>18936475.27</v>
      </c>
      <c r="G40" s="11">
        <v>41399288.159999996</v>
      </c>
      <c r="H40" s="11">
        <v>62589881.68</v>
      </c>
      <c r="I40" s="11">
        <v>948742763.49000001</v>
      </c>
      <c r="J40" s="11">
        <v>546710420.32000005</v>
      </c>
      <c r="K40" s="11">
        <v>538357326.5</v>
      </c>
      <c r="L40" s="11">
        <v>85636460.480000004</v>
      </c>
      <c r="M40" s="11">
        <v>387338858.19</v>
      </c>
      <c r="N40" s="11">
        <v>428738146.35000002</v>
      </c>
    </row>
  </sheetData>
  <mergeCells count="11">
    <mergeCell ref="A9:N9"/>
    <mergeCell ref="A10:A11"/>
    <mergeCell ref="B10:B11"/>
    <mergeCell ref="C10:G10"/>
    <mergeCell ref="H10:M10"/>
    <mergeCell ref="N10:N11"/>
    <mergeCell ref="A3:N3"/>
    <mergeCell ref="A4:N4"/>
    <mergeCell ref="A5:N5"/>
    <mergeCell ref="A6:N6"/>
    <mergeCell ref="A7:N7"/>
  </mergeCells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H171"/>
  <sheetViews>
    <sheetView showGridLines="0" workbookViewId="0"/>
  </sheetViews>
  <sheetFormatPr defaultRowHeight="15" x14ac:dyDescent="0.25"/>
  <cols>
    <col min="1" max="1" width="2.7109375" bestFit="1" customWidth="1"/>
    <col min="2" max="2" width="128" bestFit="1" customWidth="1"/>
    <col min="3" max="3" width="20.140625" bestFit="1" customWidth="1"/>
    <col min="4" max="6" width="19" bestFit="1" customWidth="1"/>
    <col min="7" max="7" width="16" bestFit="1" customWidth="1"/>
    <col min="8" max="8" width="9.28515625" bestFit="1" customWidth="1"/>
  </cols>
  <sheetData>
    <row r="3" spans="1:8" x14ac:dyDescent="0.25">
      <c r="A3" s="6" t="s">
        <v>0</v>
      </c>
      <c r="B3" s="7"/>
      <c r="C3" s="7"/>
      <c r="D3" s="7"/>
      <c r="E3" s="7"/>
      <c r="F3" s="7"/>
      <c r="G3" s="7"/>
      <c r="H3" s="7"/>
    </row>
    <row r="4" spans="1:8" x14ac:dyDescent="0.25">
      <c r="A4" s="6" t="s">
        <v>1</v>
      </c>
      <c r="B4" s="7"/>
      <c r="C4" s="7"/>
      <c r="D4" s="7"/>
      <c r="E4" s="7"/>
      <c r="F4" s="7"/>
      <c r="G4" s="7"/>
      <c r="H4" s="7"/>
    </row>
    <row r="5" spans="1:8" x14ac:dyDescent="0.25">
      <c r="A5" s="8" t="s">
        <v>847</v>
      </c>
      <c r="B5" s="7"/>
      <c r="C5" s="7"/>
      <c r="D5" s="7"/>
      <c r="E5" s="7"/>
      <c r="F5" s="7"/>
      <c r="G5" s="7"/>
      <c r="H5" s="7"/>
    </row>
    <row r="6" spans="1:8" x14ac:dyDescent="0.25">
      <c r="A6" s="6" t="s">
        <v>3</v>
      </c>
      <c r="B6" s="7"/>
      <c r="C6" s="7"/>
      <c r="D6" s="7"/>
      <c r="E6" s="7"/>
      <c r="F6" s="7"/>
      <c r="G6" s="7"/>
      <c r="H6" s="7"/>
    </row>
    <row r="7" spans="1:8" x14ac:dyDescent="0.25">
      <c r="A7" s="6" t="s">
        <v>4</v>
      </c>
      <c r="B7" s="7"/>
      <c r="C7" s="7"/>
      <c r="D7" s="7"/>
      <c r="E7" s="7"/>
      <c r="F7" s="7"/>
      <c r="G7" s="7"/>
      <c r="H7" s="7"/>
    </row>
    <row r="9" spans="1:8" x14ac:dyDescent="0.25">
      <c r="A9" s="9" t="s">
        <v>848</v>
      </c>
      <c r="B9" s="7"/>
      <c r="C9" s="7"/>
      <c r="D9" s="7"/>
      <c r="E9" s="7"/>
      <c r="F9" s="7"/>
      <c r="G9" s="7"/>
      <c r="H9" s="7"/>
    </row>
    <row r="10" spans="1:8" x14ac:dyDescent="0.25">
      <c r="A10" s="10" t="s">
        <v>6</v>
      </c>
      <c r="B10" s="10" t="s">
        <v>849</v>
      </c>
      <c r="C10" s="10" t="s">
        <v>10</v>
      </c>
      <c r="D10" s="10" t="s">
        <v>600</v>
      </c>
    </row>
    <row r="11" spans="1:8" x14ac:dyDescent="0.25">
      <c r="A11" s="10" t="s">
        <v>7</v>
      </c>
      <c r="B11" s="10" t="s">
        <v>7</v>
      </c>
      <c r="C11" s="10" t="s">
        <v>7</v>
      </c>
      <c r="D11" s="10" t="s">
        <v>7</v>
      </c>
    </row>
    <row r="12" spans="1:8" x14ac:dyDescent="0.25">
      <c r="A12" s="3" t="s">
        <v>17</v>
      </c>
      <c r="B12" s="5" t="s">
        <v>850</v>
      </c>
      <c r="C12" s="11">
        <v>14363536100</v>
      </c>
      <c r="D12" s="11">
        <v>8266551474.1000004</v>
      </c>
      <c r="E12" s="12"/>
      <c r="F12" s="12"/>
      <c r="G12" s="12"/>
      <c r="H12" s="12"/>
    </row>
    <row r="13" spans="1:8" x14ac:dyDescent="0.25">
      <c r="A13" s="3" t="s">
        <v>19</v>
      </c>
      <c r="B13" s="5" t="s">
        <v>851</v>
      </c>
      <c r="C13" s="11">
        <v>12111311000</v>
      </c>
      <c r="D13" s="11">
        <v>6795759897.46</v>
      </c>
      <c r="E13" s="12"/>
      <c r="F13" s="12"/>
      <c r="G13" s="12"/>
      <c r="H13" s="12"/>
    </row>
    <row r="14" spans="1:8" x14ac:dyDescent="0.25">
      <c r="A14" s="2" t="s">
        <v>21</v>
      </c>
      <c r="B14" s="4" t="s">
        <v>852</v>
      </c>
      <c r="C14" s="13">
        <v>11995776900</v>
      </c>
      <c r="D14" s="13">
        <v>6748303794.3599997</v>
      </c>
      <c r="E14" s="12"/>
      <c r="F14" s="12"/>
      <c r="G14" s="12"/>
      <c r="H14" s="12"/>
    </row>
    <row r="15" spans="1:8" x14ac:dyDescent="0.25">
      <c r="A15" s="2" t="s">
        <v>23</v>
      </c>
      <c r="B15" s="4" t="s">
        <v>853</v>
      </c>
      <c r="C15" s="13">
        <v>115534100</v>
      </c>
      <c r="D15" s="13">
        <v>47456103.100000001</v>
      </c>
      <c r="E15" s="12"/>
      <c r="F15" s="12"/>
      <c r="G15" s="12"/>
      <c r="H15" s="12"/>
    </row>
    <row r="16" spans="1:8" x14ac:dyDescent="0.25">
      <c r="A16" s="2" t="s">
        <v>25</v>
      </c>
      <c r="B16" s="4" t="s">
        <v>854</v>
      </c>
      <c r="C16" s="13">
        <v>295720100</v>
      </c>
      <c r="D16" s="13">
        <v>185043405.28999999</v>
      </c>
      <c r="E16" s="12"/>
      <c r="F16" s="12"/>
      <c r="G16" s="12"/>
      <c r="H16" s="12"/>
    </row>
    <row r="17" spans="1:8" x14ac:dyDescent="0.25">
      <c r="A17" s="2" t="s">
        <v>27</v>
      </c>
      <c r="B17" s="4" t="s">
        <v>855</v>
      </c>
      <c r="C17" s="13">
        <v>925275000</v>
      </c>
      <c r="D17" s="13">
        <v>728939653.13999999</v>
      </c>
      <c r="E17" s="12"/>
      <c r="F17" s="12"/>
      <c r="G17" s="12"/>
      <c r="H17" s="12"/>
    </row>
    <row r="18" spans="1:8" x14ac:dyDescent="0.25">
      <c r="A18" s="2" t="s">
        <v>29</v>
      </c>
      <c r="B18" s="4" t="s">
        <v>856</v>
      </c>
      <c r="C18" s="13">
        <v>1031230000</v>
      </c>
      <c r="D18" s="13">
        <v>556808518.21000004</v>
      </c>
      <c r="E18" s="12"/>
      <c r="F18" s="12"/>
      <c r="G18" s="12"/>
      <c r="H18" s="12"/>
    </row>
    <row r="19" spans="1:8" x14ac:dyDescent="0.25">
      <c r="A19" s="3" t="s">
        <v>31</v>
      </c>
      <c r="B19" s="5" t="s">
        <v>857</v>
      </c>
      <c r="C19" s="11">
        <v>1438221100</v>
      </c>
      <c r="D19" s="11">
        <v>1159651431.1700001</v>
      </c>
      <c r="E19" s="12"/>
      <c r="F19" s="12"/>
      <c r="G19" s="12"/>
      <c r="H19" s="12"/>
    </row>
    <row r="20" spans="1:8" x14ac:dyDescent="0.25">
      <c r="A20" s="2" t="s">
        <v>33</v>
      </c>
      <c r="B20" s="4" t="s">
        <v>858</v>
      </c>
      <c r="C20" s="13">
        <v>1323420200</v>
      </c>
      <c r="D20" s="13">
        <v>1096436420.1099999</v>
      </c>
      <c r="E20" s="12"/>
      <c r="F20" s="12"/>
      <c r="G20" s="12"/>
      <c r="H20" s="12"/>
    </row>
    <row r="21" spans="1:8" x14ac:dyDescent="0.25">
      <c r="A21" s="2" t="s">
        <v>35</v>
      </c>
      <c r="B21" s="4" t="s">
        <v>859</v>
      </c>
      <c r="C21" s="13">
        <v>114800900</v>
      </c>
      <c r="D21" s="13">
        <v>63215011.060000002</v>
      </c>
      <c r="E21" s="12"/>
      <c r="F21" s="12"/>
      <c r="G21" s="12"/>
      <c r="H21" s="12"/>
    </row>
    <row r="22" spans="1:8" x14ac:dyDescent="0.25">
      <c r="A22" s="2" t="s">
        <v>37</v>
      </c>
      <c r="B22" s="4" t="s">
        <v>860</v>
      </c>
      <c r="C22" s="13">
        <v>0</v>
      </c>
      <c r="D22" s="13">
        <v>0</v>
      </c>
      <c r="E22" s="12"/>
      <c r="F22" s="12"/>
      <c r="G22" s="12"/>
      <c r="H22" s="12"/>
    </row>
    <row r="23" spans="1:8" x14ac:dyDescent="0.25">
      <c r="A23" s="2" t="s">
        <v>39</v>
      </c>
      <c r="B23" s="4" t="s">
        <v>861</v>
      </c>
      <c r="C23" s="13">
        <v>0</v>
      </c>
      <c r="D23" s="13">
        <v>0</v>
      </c>
      <c r="E23" s="12"/>
      <c r="F23" s="12"/>
      <c r="G23" s="12"/>
      <c r="H23" s="12"/>
    </row>
    <row r="24" spans="1:8" x14ac:dyDescent="0.25">
      <c r="A24" s="3" t="s">
        <v>41</v>
      </c>
      <c r="B24" s="5" t="s">
        <v>862</v>
      </c>
      <c r="C24" s="11">
        <v>3490281900</v>
      </c>
      <c r="D24" s="11">
        <v>2067349528.49</v>
      </c>
      <c r="E24" s="12"/>
      <c r="F24" s="12"/>
      <c r="G24" s="12"/>
      <c r="H24" s="12"/>
    </row>
    <row r="25" spans="1:8" x14ac:dyDescent="0.25">
      <c r="A25" s="2" t="s">
        <v>43</v>
      </c>
      <c r="B25" s="4" t="s">
        <v>863</v>
      </c>
      <c r="C25" s="13">
        <v>2998944200</v>
      </c>
      <c r="D25" s="13">
        <v>1687075948.8</v>
      </c>
      <c r="E25" s="12"/>
      <c r="F25" s="12"/>
      <c r="G25" s="12"/>
      <c r="H25" s="12"/>
    </row>
    <row r="26" spans="1:8" x14ac:dyDescent="0.25">
      <c r="A26" s="2" t="s">
        <v>45</v>
      </c>
      <c r="B26" s="4" t="s">
        <v>864</v>
      </c>
      <c r="C26" s="13">
        <v>462637500</v>
      </c>
      <c r="D26" s="13">
        <v>364469827</v>
      </c>
      <c r="E26" s="12"/>
      <c r="F26" s="12"/>
      <c r="G26" s="12"/>
      <c r="H26" s="12"/>
    </row>
    <row r="27" spans="1:8" x14ac:dyDescent="0.25">
      <c r="A27" s="2" t="s">
        <v>47</v>
      </c>
      <c r="B27" s="4" t="s">
        <v>865</v>
      </c>
      <c r="C27" s="13">
        <v>28700200</v>
      </c>
      <c r="D27" s="13">
        <v>15803752.689999999</v>
      </c>
      <c r="E27" s="12"/>
      <c r="F27" s="12"/>
      <c r="G27" s="12"/>
      <c r="H27" s="12"/>
    </row>
    <row r="28" spans="1:8" x14ac:dyDescent="0.25">
      <c r="A28" s="3" t="s">
        <v>49</v>
      </c>
      <c r="B28" s="5" t="s">
        <v>866</v>
      </c>
      <c r="C28" s="11">
        <v>12311475300</v>
      </c>
      <c r="D28" s="11">
        <v>7358853376.7799997</v>
      </c>
      <c r="E28" s="12"/>
      <c r="F28" s="12"/>
      <c r="G28" s="12"/>
      <c r="H28" s="12"/>
    </row>
    <row r="29" spans="1:8" x14ac:dyDescent="0.25">
      <c r="C29" s="12"/>
      <c r="D29" s="12"/>
      <c r="E29" s="12"/>
      <c r="F29" s="12"/>
      <c r="G29" s="12"/>
      <c r="H29" s="12"/>
    </row>
    <row r="30" spans="1:8" x14ac:dyDescent="0.25">
      <c r="A30" s="10" t="s">
        <v>6</v>
      </c>
      <c r="B30" s="10" t="s">
        <v>867</v>
      </c>
      <c r="C30" s="14" t="s">
        <v>10</v>
      </c>
      <c r="D30" s="14" t="s">
        <v>600</v>
      </c>
      <c r="E30" s="12"/>
      <c r="F30" s="12"/>
      <c r="G30" s="12"/>
      <c r="H30" s="12"/>
    </row>
    <row r="31" spans="1:8" x14ac:dyDescent="0.25">
      <c r="A31" s="10" t="s">
        <v>7</v>
      </c>
      <c r="B31" s="10" t="s">
        <v>7</v>
      </c>
      <c r="C31" s="14" t="s">
        <v>7</v>
      </c>
      <c r="D31" s="14" t="s">
        <v>7</v>
      </c>
      <c r="E31" s="12"/>
      <c r="F31" s="12"/>
      <c r="G31" s="12"/>
      <c r="H31" s="12"/>
    </row>
    <row r="32" spans="1:8" x14ac:dyDescent="0.25">
      <c r="A32" s="2" t="s">
        <v>51</v>
      </c>
      <c r="B32" s="4" t="s">
        <v>867</v>
      </c>
      <c r="C32" s="13">
        <v>2256049060</v>
      </c>
      <c r="D32" s="13">
        <v>1360408971.71</v>
      </c>
      <c r="E32" s="12"/>
      <c r="F32" s="12"/>
      <c r="G32" s="12"/>
      <c r="H32" s="12"/>
    </row>
    <row r="33" spans="1:8" x14ac:dyDescent="0.25">
      <c r="C33" s="12"/>
      <c r="D33" s="12"/>
      <c r="E33" s="12"/>
      <c r="F33" s="12"/>
      <c r="G33" s="12"/>
      <c r="H33" s="12"/>
    </row>
    <row r="34" spans="1:8" x14ac:dyDescent="0.25">
      <c r="A34" s="10" t="s">
        <v>6</v>
      </c>
      <c r="B34" s="10" t="s">
        <v>868</v>
      </c>
      <c r="C34" s="14" t="s">
        <v>10</v>
      </c>
      <c r="D34" s="14" t="s">
        <v>600</v>
      </c>
      <c r="E34" s="12"/>
      <c r="F34" s="12"/>
      <c r="G34" s="12"/>
      <c r="H34" s="12"/>
    </row>
    <row r="35" spans="1:8" x14ac:dyDescent="0.25">
      <c r="A35" s="10" t="s">
        <v>7</v>
      </c>
      <c r="B35" s="10" t="s">
        <v>7</v>
      </c>
      <c r="C35" s="14" t="s">
        <v>7</v>
      </c>
      <c r="D35" s="14" t="s">
        <v>7</v>
      </c>
      <c r="E35" s="12"/>
      <c r="F35" s="12"/>
      <c r="G35" s="12"/>
      <c r="H35" s="12"/>
    </row>
    <row r="36" spans="1:8" x14ac:dyDescent="0.25">
      <c r="A36" s="2" t="s">
        <v>53</v>
      </c>
      <c r="B36" s="4" t="s">
        <v>868</v>
      </c>
      <c r="C36" s="13">
        <v>821819765</v>
      </c>
      <c r="D36" s="13">
        <v>479304372.48000002</v>
      </c>
      <c r="E36" s="12"/>
      <c r="F36" s="12"/>
      <c r="G36" s="12"/>
      <c r="H36" s="12"/>
    </row>
    <row r="37" spans="1:8" x14ac:dyDescent="0.25">
      <c r="C37" s="12"/>
      <c r="D37" s="12"/>
      <c r="E37" s="12"/>
      <c r="F37" s="12"/>
      <c r="G37" s="12"/>
      <c r="H37" s="12"/>
    </row>
    <row r="38" spans="1:8" x14ac:dyDescent="0.25">
      <c r="A38" s="10" t="s">
        <v>6</v>
      </c>
      <c r="B38" s="10" t="s">
        <v>869</v>
      </c>
      <c r="C38" s="14" t="s">
        <v>10</v>
      </c>
      <c r="D38" s="14" t="s">
        <v>600</v>
      </c>
      <c r="E38" s="12"/>
      <c r="F38" s="12"/>
      <c r="G38" s="12"/>
      <c r="H38" s="12"/>
    </row>
    <row r="39" spans="1:8" x14ac:dyDescent="0.25">
      <c r="A39" s="10" t="s">
        <v>7</v>
      </c>
      <c r="B39" s="10" t="s">
        <v>7</v>
      </c>
      <c r="C39" s="14" t="s">
        <v>7</v>
      </c>
      <c r="D39" s="14" t="s">
        <v>7</v>
      </c>
      <c r="E39" s="12"/>
      <c r="F39" s="12"/>
      <c r="G39" s="12"/>
      <c r="H39" s="12"/>
    </row>
    <row r="40" spans="1:8" x14ac:dyDescent="0.25">
      <c r="A40" s="3" t="s">
        <v>55</v>
      </c>
      <c r="B40" s="5" t="s">
        <v>870</v>
      </c>
      <c r="C40" s="11">
        <v>1252844900</v>
      </c>
      <c r="D40" s="11">
        <v>793657278.17999995</v>
      </c>
      <c r="E40" s="12"/>
      <c r="F40" s="12"/>
      <c r="G40" s="12"/>
      <c r="H40" s="12"/>
    </row>
    <row r="41" spans="1:8" x14ac:dyDescent="0.25">
      <c r="A41" s="3" t="s">
        <v>57</v>
      </c>
      <c r="B41" s="5" t="s">
        <v>871</v>
      </c>
      <c r="C41" s="11">
        <v>1252844900</v>
      </c>
      <c r="D41" s="11">
        <v>793657278.17999995</v>
      </c>
      <c r="E41" s="12"/>
      <c r="F41" s="12"/>
      <c r="G41" s="12"/>
      <c r="H41" s="12"/>
    </row>
    <row r="42" spans="1:8" x14ac:dyDescent="0.25">
      <c r="A42" s="2" t="s">
        <v>59</v>
      </c>
      <c r="B42" s="4" t="s">
        <v>872</v>
      </c>
      <c r="C42" s="13">
        <v>1252844900</v>
      </c>
      <c r="D42" s="13">
        <v>785087179.84000003</v>
      </c>
      <c r="E42" s="12"/>
      <c r="F42" s="12"/>
      <c r="G42" s="12"/>
      <c r="H42" s="12"/>
    </row>
    <row r="43" spans="1:8" x14ac:dyDescent="0.25">
      <c r="A43" s="2" t="s">
        <v>61</v>
      </c>
      <c r="B43" s="4" t="s">
        <v>873</v>
      </c>
      <c r="C43" s="13">
        <v>0</v>
      </c>
      <c r="D43" s="13">
        <v>8570098.3399999999</v>
      </c>
      <c r="E43" s="12"/>
      <c r="F43" s="12"/>
      <c r="G43" s="12"/>
      <c r="H43" s="12"/>
    </row>
    <row r="44" spans="1:8" x14ac:dyDescent="0.25">
      <c r="A44" s="3" t="s">
        <v>63</v>
      </c>
      <c r="B44" s="5" t="s">
        <v>874</v>
      </c>
      <c r="C44" s="11">
        <v>0</v>
      </c>
      <c r="D44" s="11">
        <v>0</v>
      </c>
      <c r="E44" s="12"/>
      <c r="F44" s="12"/>
      <c r="G44" s="12"/>
      <c r="H44" s="12"/>
    </row>
    <row r="45" spans="1:8" x14ac:dyDescent="0.25">
      <c r="A45" s="2" t="s">
        <v>65</v>
      </c>
      <c r="B45" s="4" t="s">
        <v>875</v>
      </c>
      <c r="C45" s="13">
        <v>0</v>
      </c>
      <c r="D45" s="13">
        <v>0</v>
      </c>
      <c r="E45" s="12"/>
      <c r="F45" s="12"/>
      <c r="G45" s="12"/>
      <c r="H45" s="12"/>
    </row>
    <row r="46" spans="1:8" x14ac:dyDescent="0.25">
      <c r="A46" s="2" t="s">
        <v>67</v>
      </c>
      <c r="B46" s="4" t="s">
        <v>876</v>
      </c>
      <c r="C46" s="13">
        <v>0</v>
      </c>
      <c r="D46" s="13">
        <v>0</v>
      </c>
      <c r="E46" s="12"/>
      <c r="F46" s="12"/>
      <c r="G46" s="12"/>
      <c r="H46" s="12"/>
    </row>
    <row r="47" spans="1:8" x14ac:dyDescent="0.25">
      <c r="A47" s="3" t="s">
        <v>69</v>
      </c>
      <c r="B47" s="5" t="s">
        <v>877</v>
      </c>
      <c r="C47" s="11">
        <v>0</v>
      </c>
      <c r="D47" s="11">
        <v>0</v>
      </c>
      <c r="E47" s="12"/>
      <c r="F47" s="12"/>
      <c r="G47" s="12"/>
      <c r="H47" s="12"/>
    </row>
    <row r="48" spans="1:8" x14ac:dyDescent="0.25">
      <c r="A48" s="2" t="s">
        <v>71</v>
      </c>
      <c r="B48" s="4" t="s">
        <v>878</v>
      </c>
      <c r="C48" s="13">
        <v>0</v>
      </c>
      <c r="D48" s="13">
        <v>0</v>
      </c>
      <c r="E48" s="12"/>
      <c r="F48" s="12"/>
      <c r="G48" s="12"/>
      <c r="H48" s="12"/>
    </row>
    <row r="49" spans="1:8" x14ac:dyDescent="0.25">
      <c r="A49" s="2" t="s">
        <v>73</v>
      </c>
      <c r="B49" s="4" t="s">
        <v>879</v>
      </c>
      <c r="C49" s="13">
        <v>0</v>
      </c>
      <c r="D49" s="13">
        <v>0</v>
      </c>
      <c r="E49" s="12"/>
      <c r="F49" s="12"/>
      <c r="G49" s="12"/>
      <c r="H49" s="12"/>
    </row>
    <row r="50" spans="1:8" x14ac:dyDescent="0.25">
      <c r="A50" s="2" t="s">
        <v>75</v>
      </c>
      <c r="B50" s="4" t="s">
        <v>880</v>
      </c>
      <c r="C50" s="13">
        <v>-1003204160</v>
      </c>
      <c r="D50" s="13">
        <v>-575321791.87</v>
      </c>
      <c r="E50" s="12"/>
      <c r="F50" s="12"/>
      <c r="G50" s="12"/>
      <c r="H50" s="12"/>
    </row>
    <row r="51" spans="1:8" x14ac:dyDescent="0.25">
      <c r="C51" s="12"/>
      <c r="D51" s="12"/>
      <c r="E51" s="12"/>
      <c r="F51" s="12"/>
      <c r="G51" s="12"/>
      <c r="H51" s="12"/>
    </row>
    <row r="52" spans="1:8" x14ac:dyDescent="0.25">
      <c r="A52" s="10" t="s">
        <v>6</v>
      </c>
      <c r="B52" s="10" t="s">
        <v>881</v>
      </c>
      <c r="C52" s="14" t="s">
        <v>398</v>
      </c>
      <c r="D52" s="12"/>
      <c r="E52" s="12"/>
      <c r="F52" s="12"/>
      <c r="G52" s="12"/>
      <c r="H52" s="12"/>
    </row>
    <row r="53" spans="1:8" x14ac:dyDescent="0.25">
      <c r="A53" s="10" t="s">
        <v>7</v>
      </c>
      <c r="B53" s="10" t="s">
        <v>7</v>
      </c>
      <c r="C53" s="14" t="s">
        <v>7</v>
      </c>
      <c r="D53" s="12"/>
      <c r="E53" s="12"/>
      <c r="F53" s="12"/>
      <c r="G53" s="12"/>
      <c r="H53" s="12"/>
    </row>
    <row r="54" spans="1:8" x14ac:dyDescent="0.25">
      <c r="A54" s="3" t="s">
        <v>77</v>
      </c>
      <c r="B54" s="5" t="s">
        <v>882</v>
      </c>
      <c r="C54" s="11">
        <v>71668594.209999993</v>
      </c>
      <c r="D54" s="12"/>
      <c r="E54" s="12"/>
      <c r="F54" s="12"/>
      <c r="G54" s="12"/>
      <c r="H54" s="12"/>
    </row>
    <row r="55" spans="1:8" x14ac:dyDescent="0.25">
      <c r="A55" s="2" t="s">
        <v>79</v>
      </c>
      <c r="B55" s="4" t="s">
        <v>883</v>
      </c>
      <c r="C55" s="13">
        <v>71668594.209999993</v>
      </c>
      <c r="D55" s="12"/>
      <c r="E55" s="12"/>
      <c r="F55" s="12"/>
      <c r="G55" s="12"/>
      <c r="H55" s="12"/>
    </row>
    <row r="56" spans="1:8" x14ac:dyDescent="0.25">
      <c r="A56" s="2" t="s">
        <v>81</v>
      </c>
      <c r="B56" s="4" t="s">
        <v>884</v>
      </c>
      <c r="C56" s="13">
        <v>0</v>
      </c>
      <c r="D56" s="12"/>
      <c r="E56" s="12"/>
      <c r="F56" s="12"/>
      <c r="G56" s="12"/>
      <c r="H56" s="12"/>
    </row>
    <row r="57" spans="1:8" x14ac:dyDescent="0.25">
      <c r="C57" s="12"/>
      <c r="D57" s="12"/>
      <c r="E57" s="12"/>
      <c r="F57" s="12"/>
      <c r="G57" s="12"/>
      <c r="H57" s="12"/>
    </row>
    <row r="58" spans="1:8" x14ac:dyDescent="0.25">
      <c r="A58" s="10" t="s">
        <v>6</v>
      </c>
      <c r="B58" s="10" t="s">
        <v>885</v>
      </c>
      <c r="C58" s="14" t="s">
        <v>398</v>
      </c>
      <c r="D58" s="12"/>
      <c r="E58" s="12"/>
      <c r="F58" s="12"/>
      <c r="G58" s="12"/>
      <c r="H58" s="12"/>
    </row>
    <row r="59" spans="1:8" x14ac:dyDescent="0.25">
      <c r="A59" s="10" t="s">
        <v>7</v>
      </c>
      <c r="B59" s="10" t="s">
        <v>7</v>
      </c>
      <c r="C59" s="14" t="s">
        <v>7</v>
      </c>
      <c r="D59" s="12"/>
      <c r="E59" s="12"/>
      <c r="F59" s="12"/>
      <c r="G59" s="12"/>
      <c r="H59" s="12"/>
    </row>
    <row r="60" spans="1:8" x14ac:dyDescent="0.25">
      <c r="A60" s="2" t="s">
        <v>83</v>
      </c>
      <c r="B60" s="4" t="s">
        <v>885</v>
      </c>
      <c r="C60" s="13">
        <v>865325872.38999999</v>
      </c>
      <c r="D60" s="12"/>
      <c r="E60" s="12"/>
      <c r="F60" s="12"/>
      <c r="G60" s="12"/>
      <c r="H60" s="12"/>
    </row>
    <row r="61" spans="1:8" x14ac:dyDescent="0.25">
      <c r="C61" s="12"/>
      <c r="D61" s="12"/>
      <c r="E61" s="12"/>
      <c r="F61" s="12"/>
      <c r="G61" s="12"/>
      <c r="H61" s="12"/>
    </row>
    <row r="62" spans="1:8" x14ac:dyDescent="0.25">
      <c r="A62" s="10" t="s">
        <v>6</v>
      </c>
      <c r="B62" s="10" t="s">
        <v>886</v>
      </c>
      <c r="C62" s="14" t="s">
        <v>622</v>
      </c>
      <c r="D62" s="14" t="s">
        <v>623</v>
      </c>
      <c r="E62" s="14" t="s">
        <v>624</v>
      </c>
      <c r="F62" s="14" t="s">
        <v>625</v>
      </c>
      <c r="G62" s="14" t="s">
        <v>887</v>
      </c>
      <c r="H62" s="12"/>
    </row>
    <row r="63" spans="1:8" x14ac:dyDescent="0.25">
      <c r="A63" s="10" t="s">
        <v>7</v>
      </c>
      <c r="B63" s="10" t="s">
        <v>7</v>
      </c>
      <c r="C63" s="14" t="s">
        <v>7</v>
      </c>
      <c r="D63" s="14" t="s">
        <v>7</v>
      </c>
      <c r="E63" s="14" t="s">
        <v>7</v>
      </c>
      <c r="F63" s="14" t="s">
        <v>7</v>
      </c>
      <c r="G63" s="14" t="s">
        <v>7</v>
      </c>
      <c r="H63" s="12"/>
    </row>
    <row r="64" spans="1:8" x14ac:dyDescent="0.25">
      <c r="A64" s="3" t="s">
        <v>85</v>
      </c>
      <c r="B64" s="5" t="s">
        <v>888</v>
      </c>
      <c r="C64" s="11">
        <v>1231914400</v>
      </c>
      <c r="D64" s="11">
        <v>716811419.83000004</v>
      </c>
      <c r="E64" s="11">
        <v>696280052.96000004</v>
      </c>
      <c r="F64" s="11">
        <v>696269885.30999994</v>
      </c>
      <c r="G64" s="11">
        <v>0</v>
      </c>
      <c r="H64" s="12"/>
    </row>
    <row r="65" spans="1:8" x14ac:dyDescent="0.25">
      <c r="A65" s="2" t="s">
        <v>87</v>
      </c>
      <c r="B65" s="4" t="s">
        <v>889</v>
      </c>
      <c r="C65" s="13">
        <v>280000000</v>
      </c>
      <c r="D65" s="13">
        <v>279483323.91000003</v>
      </c>
      <c r="E65" s="13">
        <v>270812727.10000002</v>
      </c>
      <c r="F65" s="13">
        <v>270812727.10000002</v>
      </c>
      <c r="G65" s="13">
        <v>0</v>
      </c>
      <c r="H65" s="12"/>
    </row>
    <row r="66" spans="1:8" x14ac:dyDescent="0.25">
      <c r="A66" s="2" t="s">
        <v>89</v>
      </c>
      <c r="B66" s="4" t="s">
        <v>890</v>
      </c>
      <c r="C66" s="13">
        <v>951914400</v>
      </c>
      <c r="D66" s="13">
        <v>437328095.92000002</v>
      </c>
      <c r="E66" s="13">
        <v>425467325.86000001</v>
      </c>
      <c r="F66" s="13">
        <v>425457158.20999998</v>
      </c>
      <c r="G66" s="13">
        <v>0</v>
      </c>
      <c r="H66" s="12"/>
    </row>
    <row r="67" spans="1:8" x14ac:dyDescent="0.25">
      <c r="A67" s="3" t="s">
        <v>91</v>
      </c>
      <c r="B67" s="5" t="s">
        <v>891</v>
      </c>
      <c r="C67" s="11">
        <v>20930500</v>
      </c>
      <c r="D67" s="11">
        <v>6205144.2400000002</v>
      </c>
      <c r="E67" s="11">
        <v>5304073.24</v>
      </c>
      <c r="F67" s="11">
        <v>5304073.24</v>
      </c>
      <c r="G67" s="11">
        <v>0</v>
      </c>
      <c r="H67" s="12"/>
    </row>
    <row r="68" spans="1:8" x14ac:dyDescent="0.25">
      <c r="A68" s="2" t="s">
        <v>93</v>
      </c>
      <c r="B68" s="4" t="s">
        <v>892</v>
      </c>
      <c r="C68" s="13">
        <v>6000000</v>
      </c>
      <c r="D68" s="13">
        <v>1847712.01</v>
      </c>
      <c r="E68" s="13">
        <v>1847712.01</v>
      </c>
      <c r="F68" s="13">
        <v>1847712.01</v>
      </c>
      <c r="G68" s="13">
        <v>0</v>
      </c>
      <c r="H68" s="12"/>
    </row>
    <row r="69" spans="1:8" x14ac:dyDescent="0.25">
      <c r="A69" s="2" t="s">
        <v>95</v>
      </c>
      <c r="B69" s="4" t="s">
        <v>893</v>
      </c>
      <c r="C69" s="13">
        <v>14930500</v>
      </c>
      <c r="D69" s="13">
        <v>4357432.2300000004</v>
      </c>
      <c r="E69" s="13">
        <v>3456361.23</v>
      </c>
      <c r="F69" s="13">
        <v>3456361.23</v>
      </c>
      <c r="G69" s="13">
        <v>0</v>
      </c>
      <c r="H69" s="12"/>
    </row>
    <row r="70" spans="1:8" x14ac:dyDescent="0.25">
      <c r="A70" s="3" t="s">
        <v>97</v>
      </c>
      <c r="B70" s="5" t="s">
        <v>894</v>
      </c>
      <c r="C70" s="11">
        <v>1252844900</v>
      </c>
      <c r="D70" s="11">
        <v>723016564.07000005</v>
      </c>
      <c r="E70" s="11">
        <v>701584126.20000005</v>
      </c>
      <c r="F70" s="11">
        <v>701573958.54999995</v>
      </c>
      <c r="G70" s="11">
        <v>0</v>
      </c>
      <c r="H70" s="12"/>
    </row>
    <row r="71" spans="1:8" x14ac:dyDescent="0.25">
      <c r="C71" s="12"/>
      <c r="D71" s="12"/>
      <c r="E71" s="12"/>
      <c r="F71" s="12"/>
      <c r="G71" s="12"/>
      <c r="H71" s="12"/>
    </row>
    <row r="72" spans="1:8" x14ac:dyDescent="0.25">
      <c r="A72" s="10" t="s">
        <v>6</v>
      </c>
      <c r="B72" s="10" t="s">
        <v>895</v>
      </c>
      <c r="C72" s="14" t="s">
        <v>623</v>
      </c>
      <c r="D72" s="14" t="s">
        <v>624</v>
      </c>
      <c r="E72" s="14" t="s">
        <v>625</v>
      </c>
      <c r="F72" s="14" t="s">
        <v>887</v>
      </c>
      <c r="G72" s="14" t="s">
        <v>896</v>
      </c>
      <c r="H72" s="12"/>
    </row>
    <row r="73" spans="1:8" x14ac:dyDescent="0.25">
      <c r="A73" s="10" t="s">
        <v>7</v>
      </c>
      <c r="B73" s="10" t="s">
        <v>7</v>
      </c>
      <c r="C73" s="14" t="s">
        <v>7</v>
      </c>
      <c r="D73" s="14" t="s">
        <v>7</v>
      </c>
      <c r="E73" s="14" t="s">
        <v>7</v>
      </c>
      <c r="F73" s="14" t="s">
        <v>7</v>
      </c>
      <c r="G73" s="14" t="s">
        <v>7</v>
      </c>
      <c r="H73" s="12"/>
    </row>
    <row r="74" spans="1:8" x14ac:dyDescent="0.25">
      <c r="A74" s="2" t="s">
        <v>99</v>
      </c>
      <c r="B74" s="4" t="s">
        <v>897</v>
      </c>
      <c r="C74" s="13">
        <v>716811419.83000004</v>
      </c>
      <c r="D74" s="13">
        <v>696280052.96000004</v>
      </c>
      <c r="E74" s="13">
        <v>696269885.30999994</v>
      </c>
      <c r="F74" s="13">
        <v>0</v>
      </c>
      <c r="G74" s="13">
        <v>0</v>
      </c>
      <c r="H74" s="12"/>
    </row>
    <row r="75" spans="1:8" x14ac:dyDescent="0.25">
      <c r="A75" s="2" t="s">
        <v>101</v>
      </c>
      <c r="B75" s="4" t="s">
        <v>898</v>
      </c>
      <c r="C75" s="13">
        <v>723016564.07000005</v>
      </c>
      <c r="D75" s="13">
        <v>701584126.20000005</v>
      </c>
      <c r="E75" s="13">
        <v>701573958.54999995</v>
      </c>
      <c r="F75" s="13">
        <v>0</v>
      </c>
      <c r="G75" s="13">
        <v>0</v>
      </c>
      <c r="H75" s="12"/>
    </row>
    <row r="76" spans="1:8" x14ac:dyDescent="0.25">
      <c r="A76" s="2" t="s">
        <v>103</v>
      </c>
      <c r="B76" s="4" t="s">
        <v>899</v>
      </c>
      <c r="C76" s="13">
        <v>0</v>
      </c>
      <c r="D76" s="13">
        <v>0</v>
      </c>
      <c r="E76" s="13">
        <v>0</v>
      </c>
      <c r="F76" s="13">
        <v>0</v>
      </c>
      <c r="G76" s="13">
        <v>0</v>
      </c>
      <c r="H76" s="12"/>
    </row>
    <row r="77" spans="1:8" x14ac:dyDescent="0.25">
      <c r="A77" s="2" t="s">
        <v>105</v>
      </c>
      <c r="B77" s="4" t="s">
        <v>900</v>
      </c>
      <c r="C77" s="13">
        <v>0</v>
      </c>
      <c r="D77" s="13">
        <v>0</v>
      </c>
      <c r="E77" s="13">
        <v>0</v>
      </c>
      <c r="F77" s="13">
        <v>0</v>
      </c>
      <c r="G77" s="13">
        <v>0</v>
      </c>
      <c r="H77" s="12"/>
    </row>
    <row r="78" spans="1:8" x14ac:dyDescent="0.25">
      <c r="A78" s="2" t="s">
        <v>107</v>
      </c>
      <c r="B78" s="4" t="s">
        <v>901</v>
      </c>
      <c r="C78" s="13">
        <v>0</v>
      </c>
      <c r="D78" s="13">
        <v>0</v>
      </c>
      <c r="E78" s="13">
        <v>0</v>
      </c>
      <c r="F78" s="13">
        <v>0</v>
      </c>
      <c r="G78" s="13">
        <v>0</v>
      </c>
      <c r="H78" s="12"/>
    </row>
    <row r="79" spans="1:8" x14ac:dyDescent="0.25">
      <c r="C79" s="12"/>
      <c r="D79" s="12"/>
      <c r="E79" s="12"/>
      <c r="F79" s="12"/>
      <c r="G79" s="12"/>
      <c r="H79" s="12"/>
    </row>
    <row r="80" spans="1:8" x14ac:dyDescent="0.25">
      <c r="A80" s="10" t="s">
        <v>6</v>
      </c>
      <c r="B80" s="10" t="s">
        <v>902</v>
      </c>
      <c r="C80" s="14" t="s">
        <v>903</v>
      </c>
      <c r="D80" s="14" t="s">
        <v>904</v>
      </c>
      <c r="E80" s="14" t="s">
        <v>905</v>
      </c>
      <c r="F80" s="14" t="s">
        <v>906</v>
      </c>
      <c r="G80" s="12"/>
      <c r="H80" s="12"/>
    </row>
    <row r="81" spans="1:8" x14ac:dyDescent="0.25">
      <c r="A81" s="10" t="s">
        <v>7</v>
      </c>
      <c r="B81" s="10" t="s">
        <v>7</v>
      </c>
      <c r="C81" s="14" t="s">
        <v>7</v>
      </c>
      <c r="D81" s="14" t="s">
        <v>7</v>
      </c>
      <c r="E81" s="14" t="s">
        <v>7</v>
      </c>
      <c r="F81" s="14" t="s">
        <v>7</v>
      </c>
      <c r="G81" s="12"/>
      <c r="H81" s="12"/>
    </row>
    <row r="82" spans="1:8" x14ac:dyDescent="0.25">
      <c r="A82" s="2" t="s">
        <v>109</v>
      </c>
      <c r="B82" s="4" t="s">
        <v>907</v>
      </c>
      <c r="C82" s="13">
        <v>555560094.73000002</v>
      </c>
      <c r="D82" s="13">
        <v>696280052.96000004</v>
      </c>
      <c r="E82" s="13">
        <v>696280052.96000004</v>
      </c>
      <c r="F82" s="13">
        <v>87.73</v>
      </c>
      <c r="G82" s="12"/>
      <c r="H82" s="12"/>
    </row>
    <row r="83" spans="1:8" x14ac:dyDescent="0.25">
      <c r="A83" s="2" t="s">
        <v>111</v>
      </c>
      <c r="B83" s="4" t="s">
        <v>908</v>
      </c>
      <c r="C83" s="13">
        <v>0</v>
      </c>
      <c r="D83" s="13">
        <v>0</v>
      </c>
      <c r="E83" s="13">
        <v>0</v>
      </c>
      <c r="F83" s="13">
        <v>0</v>
      </c>
      <c r="G83" s="12"/>
      <c r="H83" s="12"/>
    </row>
    <row r="84" spans="1:8" x14ac:dyDescent="0.25">
      <c r="C84" s="12"/>
      <c r="D84" s="12"/>
      <c r="E84" s="12"/>
      <c r="F84" s="12"/>
      <c r="G84" s="12"/>
      <c r="H84" s="12"/>
    </row>
    <row r="85" spans="1:8" x14ac:dyDescent="0.25">
      <c r="A85" s="10" t="s">
        <v>6</v>
      </c>
      <c r="B85" s="10" t="s">
        <v>909</v>
      </c>
      <c r="C85" s="14" t="s">
        <v>910</v>
      </c>
      <c r="D85" s="14" t="s">
        <v>911</v>
      </c>
      <c r="E85" s="14" t="s">
        <v>912</v>
      </c>
      <c r="F85" s="14" t="s">
        <v>913</v>
      </c>
      <c r="G85" s="12"/>
      <c r="H85" s="12"/>
    </row>
    <row r="86" spans="1:8" x14ac:dyDescent="0.25">
      <c r="A86" s="10" t="s">
        <v>7</v>
      </c>
      <c r="B86" s="10" t="s">
        <v>7</v>
      </c>
      <c r="C86" s="14" t="s">
        <v>7</v>
      </c>
      <c r="D86" s="14" t="s">
        <v>7</v>
      </c>
      <c r="E86" s="14" t="s">
        <v>7</v>
      </c>
      <c r="F86" s="14" t="s">
        <v>7</v>
      </c>
      <c r="G86" s="12"/>
      <c r="H86" s="12"/>
    </row>
    <row r="87" spans="1:8" x14ac:dyDescent="0.25">
      <c r="A87" s="2" t="s">
        <v>113</v>
      </c>
      <c r="B87" s="4" t="s">
        <v>914</v>
      </c>
      <c r="C87" s="13">
        <v>79365727.819999993</v>
      </c>
      <c r="D87" s="13">
        <v>70640714.109999999</v>
      </c>
      <c r="E87" s="13">
        <v>70640714.109999999</v>
      </c>
      <c r="F87" s="13">
        <v>8.9</v>
      </c>
      <c r="G87" s="12"/>
      <c r="H87" s="12"/>
    </row>
    <row r="88" spans="1:8" x14ac:dyDescent="0.25">
      <c r="C88" s="12"/>
      <c r="D88" s="12"/>
      <c r="E88" s="12"/>
      <c r="F88" s="12"/>
      <c r="G88" s="12"/>
      <c r="H88" s="12"/>
    </row>
    <row r="89" spans="1:8" x14ac:dyDescent="0.25">
      <c r="A89" s="10" t="s">
        <v>6</v>
      </c>
      <c r="B89" s="10" t="s">
        <v>915</v>
      </c>
      <c r="C89" s="14" t="s">
        <v>916</v>
      </c>
      <c r="D89" s="14" t="s">
        <v>917</v>
      </c>
      <c r="E89" s="14" t="s">
        <v>918</v>
      </c>
      <c r="F89" s="14" t="s">
        <v>919</v>
      </c>
      <c r="G89" s="14" t="s">
        <v>920</v>
      </c>
      <c r="H89" s="14" t="s">
        <v>921</v>
      </c>
    </row>
    <row r="90" spans="1:8" x14ac:dyDescent="0.25">
      <c r="A90" s="10" t="s">
        <v>7</v>
      </c>
      <c r="B90" s="10" t="s">
        <v>7</v>
      </c>
      <c r="C90" s="14" t="s">
        <v>7</v>
      </c>
      <c r="D90" s="14" t="s">
        <v>7</v>
      </c>
      <c r="E90" s="14" t="s">
        <v>7</v>
      </c>
      <c r="F90" s="14" t="s">
        <v>7</v>
      </c>
      <c r="G90" s="14" t="s">
        <v>7</v>
      </c>
      <c r="H90" s="14" t="s">
        <v>7</v>
      </c>
    </row>
    <row r="91" spans="1:8" x14ac:dyDescent="0.25">
      <c r="A91" s="3" t="s">
        <v>115</v>
      </c>
      <c r="B91" s="5" t="s">
        <v>922</v>
      </c>
      <c r="C91" s="11">
        <v>139342472.56999999</v>
      </c>
      <c r="D91" s="11">
        <v>13901460.279999999</v>
      </c>
      <c r="E91" s="11">
        <v>13901460.279999999</v>
      </c>
      <c r="F91" s="11">
        <v>0</v>
      </c>
      <c r="G91" s="11">
        <v>0</v>
      </c>
      <c r="H91" s="11">
        <v>0</v>
      </c>
    </row>
    <row r="92" spans="1:8" x14ac:dyDescent="0.25">
      <c r="A92" s="2" t="s">
        <v>117</v>
      </c>
      <c r="B92" s="4" t="s">
        <v>923</v>
      </c>
      <c r="C92" s="13">
        <v>139342472.56999999</v>
      </c>
      <c r="D92" s="13">
        <v>13901460.279999999</v>
      </c>
      <c r="E92" s="13">
        <v>13901460.279999999</v>
      </c>
      <c r="F92" s="13">
        <v>0</v>
      </c>
      <c r="G92" s="13">
        <v>0</v>
      </c>
      <c r="H92" s="13">
        <v>0</v>
      </c>
    </row>
    <row r="93" spans="1:8" x14ac:dyDescent="0.25">
      <c r="A93" s="2" t="s">
        <v>119</v>
      </c>
      <c r="B93" s="4" t="s">
        <v>924</v>
      </c>
      <c r="C93" s="13">
        <v>0</v>
      </c>
      <c r="D93" s="13">
        <v>0</v>
      </c>
      <c r="E93" s="13">
        <v>0</v>
      </c>
      <c r="F93" s="13">
        <v>0</v>
      </c>
      <c r="G93" s="13">
        <v>0</v>
      </c>
      <c r="H93" s="13">
        <v>0</v>
      </c>
    </row>
    <row r="94" spans="1:8" x14ac:dyDescent="0.25">
      <c r="C94" s="12"/>
      <c r="D94" s="12"/>
      <c r="E94" s="12"/>
      <c r="F94" s="12"/>
      <c r="G94" s="12"/>
      <c r="H94" s="12"/>
    </row>
    <row r="95" spans="1:8" x14ac:dyDescent="0.25">
      <c r="A95" s="10" t="s">
        <v>6</v>
      </c>
      <c r="B95" s="10" t="s">
        <v>925</v>
      </c>
      <c r="C95" s="14" t="s">
        <v>622</v>
      </c>
      <c r="D95" s="14" t="s">
        <v>623</v>
      </c>
      <c r="E95" s="14" t="s">
        <v>624</v>
      </c>
      <c r="F95" s="14" t="s">
        <v>625</v>
      </c>
      <c r="G95" s="14" t="s">
        <v>887</v>
      </c>
      <c r="H95" s="12"/>
    </row>
    <row r="96" spans="1:8" x14ac:dyDescent="0.25">
      <c r="A96" s="10" t="s">
        <v>7</v>
      </c>
      <c r="B96" s="10" t="s">
        <v>7</v>
      </c>
      <c r="C96" s="14" t="s">
        <v>7</v>
      </c>
      <c r="D96" s="14" t="s">
        <v>7</v>
      </c>
      <c r="E96" s="14" t="s">
        <v>7</v>
      </c>
      <c r="F96" s="14" t="s">
        <v>7</v>
      </c>
      <c r="G96" s="14" t="s">
        <v>7</v>
      </c>
      <c r="H96" s="12"/>
    </row>
    <row r="97" spans="1:8" x14ac:dyDescent="0.25">
      <c r="A97" s="3" t="s">
        <v>120</v>
      </c>
      <c r="B97" s="5" t="s">
        <v>926</v>
      </c>
      <c r="C97" s="11">
        <v>0</v>
      </c>
      <c r="D97" s="11">
        <v>0</v>
      </c>
      <c r="E97" s="11">
        <v>0</v>
      </c>
      <c r="F97" s="11">
        <v>0</v>
      </c>
      <c r="G97" s="11">
        <v>0</v>
      </c>
      <c r="H97" s="12"/>
    </row>
    <row r="98" spans="1:8" x14ac:dyDescent="0.25">
      <c r="A98" s="2" t="s">
        <v>121</v>
      </c>
      <c r="B98" s="4" t="s">
        <v>927</v>
      </c>
      <c r="C98" s="13">
        <v>0</v>
      </c>
      <c r="D98" s="13">
        <v>0</v>
      </c>
      <c r="E98" s="13">
        <v>0</v>
      </c>
      <c r="F98" s="13">
        <v>0</v>
      </c>
      <c r="G98" s="13">
        <v>0</v>
      </c>
      <c r="H98" s="12"/>
    </row>
    <row r="99" spans="1:8" x14ac:dyDescent="0.25">
      <c r="A99" s="2" t="s">
        <v>122</v>
      </c>
      <c r="B99" s="4" t="s">
        <v>928</v>
      </c>
      <c r="C99" s="13">
        <v>0</v>
      </c>
      <c r="D99" s="13">
        <v>0</v>
      </c>
      <c r="E99" s="13">
        <v>0</v>
      </c>
      <c r="F99" s="13">
        <v>0</v>
      </c>
      <c r="G99" s="13">
        <v>0</v>
      </c>
      <c r="H99" s="12"/>
    </row>
    <row r="100" spans="1:8" x14ac:dyDescent="0.25">
      <c r="A100" s="2" t="s">
        <v>123</v>
      </c>
      <c r="B100" s="4" t="s">
        <v>929</v>
      </c>
      <c r="C100" s="13">
        <v>312790511</v>
      </c>
      <c r="D100" s="13">
        <v>127691169.78</v>
      </c>
      <c r="E100" s="13">
        <v>53087987.719999999</v>
      </c>
      <c r="F100" s="13">
        <v>52334611.659999996</v>
      </c>
      <c r="G100" s="13">
        <v>0</v>
      </c>
      <c r="H100" s="12"/>
    </row>
    <row r="101" spans="1:8" x14ac:dyDescent="0.25">
      <c r="A101" s="2" t="s">
        <v>124</v>
      </c>
      <c r="B101" s="4" t="s">
        <v>930</v>
      </c>
      <c r="C101" s="13">
        <v>1102219689</v>
      </c>
      <c r="D101" s="13">
        <v>638433820.39999998</v>
      </c>
      <c r="E101" s="13">
        <v>530617630.86000001</v>
      </c>
      <c r="F101" s="13">
        <v>472125084.17000002</v>
      </c>
      <c r="G101" s="13">
        <v>0</v>
      </c>
      <c r="H101" s="12"/>
    </row>
    <row r="102" spans="1:8" x14ac:dyDescent="0.25">
      <c r="A102" s="2" t="s">
        <v>125</v>
      </c>
      <c r="B102" s="4" t="s">
        <v>931</v>
      </c>
      <c r="C102" s="13">
        <v>254653900</v>
      </c>
      <c r="D102" s="13">
        <v>137768922.55000001</v>
      </c>
      <c r="E102" s="13">
        <v>125479299.40000001</v>
      </c>
      <c r="F102" s="13">
        <v>123798581.45</v>
      </c>
      <c r="G102" s="13">
        <v>0</v>
      </c>
      <c r="H102" s="12"/>
    </row>
    <row r="103" spans="1:8" x14ac:dyDescent="0.25">
      <c r="A103" s="2" t="s">
        <v>127</v>
      </c>
      <c r="B103" s="4" t="s">
        <v>932</v>
      </c>
      <c r="C103" s="13">
        <v>14835600</v>
      </c>
      <c r="D103" s="13">
        <v>1468103.11</v>
      </c>
      <c r="E103" s="13">
        <v>1252014.33</v>
      </c>
      <c r="F103" s="13">
        <v>1242020.6499999999</v>
      </c>
      <c r="G103" s="13">
        <v>0</v>
      </c>
      <c r="H103" s="12"/>
    </row>
    <row r="104" spans="1:8" x14ac:dyDescent="0.25">
      <c r="A104" s="3" t="s">
        <v>129</v>
      </c>
      <c r="B104" s="5" t="s">
        <v>933</v>
      </c>
      <c r="C104" s="11">
        <v>1684499700</v>
      </c>
      <c r="D104" s="11">
        <v>905362015.84000003</v>
      </c>
      <c r="E104" s="11">
        <v>710436932.30999994</v>
      </c>
      <c r="F104" s="11">
        <v>649500297.92999995</v>
      </c>
      <c r="G104" s="11">
        <v>0</v>
      </c>
      <c r="H104" s="12"/>
    </row>
    <row r="105" spans="1:8" x14ac:dyDescent="0.25">
      <c r="C105" s="12"/>
      <c r="D105" s="12"/>
      <c r="E105" s="12"/>
      <c r="F105" s="12"/>
      <c r="G105" s="12"/>
      <c r="H105" s="12"/>
    </row>
    <row r="106" spans="1:8" x14ac:dyDescent="0.25">
      <c r="A106" s="10" t="s">
        <v>6</v>
      </c>
      <c r="B106" s="10" t="s">
        <v>934</v>
      </c>
      <c r="C106" s="14" t="s">
        <v>398</v>
      </c>
      <c r="D106" s="12"/>
      <c r="E106" s="12"/>
      <c r="F106" s="12"/>
      <c r="G106" s="12"/>
      <c r="H106" s="12"/>
    </row>
    <row r="107" spans="1:8" x14ac:dyDescent="0.25">
      <c r="A107" s="10" t="s">
        <v>7</v>
      </c>
      <c r="B107" s="10" t="s">
        <v>7</v>
      </c>
      <c r="C107" s="14" t="s">
        <v>7</v>
      </c>
      <c r="D107" s="12"/>
      <c r="E107" s="12"/>
      <c r="F107" s="12"/>
      <c r="G107" s="12"/>
      <c r="H107" s="12"/>
    </row>
    <row r="108" spans="1:8" x14ac:dyDescent="0.25">
      <c r="A108" s="2" t="s">
        <v>131</v>
      </c>
      <c r="B108" s="4" t="s">
        <v>935</v>
      </c>
      <c r="C108" s="13">
        <v>1412021058.51</v>
      </c>
      <c r="D108" s="12"/>
      <c r="E108" s="12"/>
      <c r="F108" s="12"/>
      <c r="G108" s="12"/>
      <c r="H108" s="12"/>
    </row>
    <row r="109" spans="1:8" x14ac:dyDescent="0.25">
      <c r="A109" s="2" t="s">
        <v>133</v>
      </c>
      <c r="B109" s="4" t="s">
        <v>936</v>
      </c>
      <c r="C109" s="13">
        <v>-575321791.87</v>
      </c>
      <c r="D109" s="12"/>
      <c r="E109" s="12"/>
      <c r="F109" s="12"/>
      <c r="G109" s="12"/>
      <c r="H109" s="12"/>
    </row>
    <row r="110" spans="1:8" x14ac:dyDescent="0.25">
      <c r="A110" s="2" t="s">
        <v>135</v>
      </c>
      <c r="B110" s="4" t="s">
        <v>937</v>
      </c>
      <c r="C110" s="13">
        <v>0</v>
      </c>
      <c r="D110" s="12"/>
      <c r="E110" s="12"/>
      <c r="F110" s="12"/>
      <c r="G110" s="12"/>
      <c r="H110" s="12"/>
    </row>
    <row r="111" spans="1:8" x14ac:dyDescent="0.25">
      <c r="A111" s="2" t="s">
        <v>137</v>
      </c>
      <c r="B111" s="4" t="s">
        <v>938</v>
      </c>
      <c r="C111" s="13">
        <v>0</v>
      </c>
      <c r="D111" s="12"/>
      <c r="E111" s="12"/>
      <c r="F111" s="12"/>
      <c r="G111" s="12"/>
      <c r="H111" s="12"/>
    </row>
    <row r="112" spans="1:8" x14ac:dyDescent="0.25">
      <c r="A112" s="2" t="s">
        <v>139</v>
      </c>
      <c r="B112" s="4" t="s">
        <v>939</v>
      </c>
      <c r="C112" s="13">
        <v>3681248.31</v>
      </c>
      <c r="D112" s="12"/>
      <c r="E112" s="12"/>
      <c r="F112" s="12"/>
      <c r="G112" s="12"/>
      <c r="H112" s="12"/>
    </row>
    <row r="113" spans="1:8" x14ac:dyDescent="0.25">
      <c r="A113" s="3" t="s">
        <v>141</v>
      </c>
      <c r="B113" s="5" t="s">
        <v>940</v>
      </c>
      <c r="C113" s="11">
        <v>1983661602.0699999</v>
      </c>
      <c r="D113" s="12"/>
      <c r="E113" s="12"/>
      <c r="F113" s="12"/>
      <c r="G113" s="12"/>
      <c r="H113" s="12"/>
    </row>
    <row r="114" spans="1:8" x14ac:dyDescent="0.25">
      <c r="C114" s="12"/>
      <c r="D114" s="12"/>
      <c r="E114" s="12"/>
      <c r="F114" s="12"/>
      <c r="G114" s="12"/>
      <c r="H114" s="12"/>
    </row>
    <row r="115" spans="1:8" x14ac:dyDescent="0.25">
      <c r="A115" s="10" t="s">
        <v>6</v>
      </c>
      <c r="B115" s="10" t="s">
        <v>941</v>
      </c>
      <c r="C115" s="14" t="s">
        <v>942</v>
      </c>
      <c r="D115" s="14" t="s">
        <v>943</v>
      </c>
      <c r="E115" s="14" t="s">
        <v>944</v>
      </c>
      <c r="F115" s="12"/>
      <c r="G115" s="12"/>
      <c r="H115" s="12"/>
    </row>
    <row r="116" spans="1:8" x14ac:dyDescent="0.25">
      <c r="A116" s="10" t="s">
        <v>7</v>
      </c>
      <c r="B116" s="10" t="s">
        <v>7</v>
      </c>
      <c r="C116" s="14" t="s">
        <v>7</v>
      </c>
      <c r="D116" s="14" t="s">
        <v>7</v>
      </c>
      <c r="E116" s="14" t="s">
        <v>7</v>
      </c>
      <c r="F116" s="12"/>
      <c r="G116" s="12"/>
      <c r="H116" s="12"/>
    </row>
    <row r="117" spans="1:8" x14ac:dyDescent="0.25">
      <c r="A117" s="2" t="s">
        <v>143</v>
      </c>
      <c r="B117" s="4" t="s">
        <v>945</v>
      </c>
      <c r="C117" s="13">
        <v>1839713344.1900001</v>
      </c>
      <c r="D117" s="13">
        <v>1983661602.0699999</v>
      </c>
      <c r="E117" s="13">
        <v>26.96</v>
      </c>
      <c r="F117" s="12"/>
      <c r="G117" s="12"/>
      <c r="H117" s="12"/>
    </row>
    <row r="118" spans="1:8" x14ac:dyDescent="0.25">
      <c r="C118" s="12"/>
      <c r="D118" s="12"/>
      <c r="E118" s="12"/>
      <c r="F118" s="12"/>
      <c r="G118" s="12"/>
      <c r="H118" s="12"/>
    </row>
    <row r="119" spans="1:8" x14ac:dyDescent="0.25">
      <c r="A119" s="10" t="s">
        <v>6</v>
      </c>
      <c r="B119" s="10" t="s">
        <v>946</v>
      </c>
      <c r="C119" s="14" t="s">
        <v>947</v>
      </c>
      <c r="D119" s="14" t="s">
        <v>948</v>
      </c>
      <c r="E119" s="14" t="s">
        <v>949</v>
      </c>
      <c r="F119" s="14" t="s">
        <v>950</v>
      </c>
      <c r="G119" s="14" t="s">
        <v>951</v>
      </c>
      <c r="H119" s="12"/>
    </row>
    <row r="120" spans="1:8" x14ac:dyDescent="0.25">
      <c r="A120" s="10" t="s">
        <v>7</v>
      </c>
      <c r="B120" s="10" t="s">
        <v>7</v>
      </c>
      <c r="C120" s="14" t="s">
        <v>7</v>
      </c>
      <c r="D120" s="14" t="s">
        <v>7</v>
      </c>
      <c r="E120" s="14" t="s">
        <v>7</v>
      </c>
      <c r="F120" s="14" t="s">
        <v>7</v>
      </c>
      <c r="G120" s="14" t="s">
        <v>7</v>
      </c>
      <c r="H120" s="12"/>
    </row>
    <row r="121" spans="1:8" x14ac:dyDescent="0.25">
      <c r="A121" s="3" t="s">
        <v>145</v>
      </c>
      <c r="B121" s="5" t="s">
        <v>952</v>
      </c>
      <c r="C121" s="11">
        <v>181318257.22</v>
      </c>
      <c r="D121" s="11">
        <v>118798925.84</v>
      </c>
      <c r="E121" s="11">
        <v>118603602.87</v>
      </c>
      <c r="F121" s="11">
        <v>3681248.31</v>
      </c>
      <c r="G121" s="11">
        <v>59033406.039999999</v>
      </c>
      <c r="H121" s="12"/>
    </row>
    <row r="122" spans="1:8" x14ac:dyDescent="0.25">
      <c r="A122" s="2" t="s">
        <v>147</v>
      </c>
      <c r="B122" s="4" t="s">
        <v>953</v>
      </c>
      <c r="C122" s="13">
        <v>138243016.77000001</v>
      </c>
      <c r="D122" s="13">
        <v>77991370.390000001</v>
      </c>
      <c r="E122" s="13">
        <v>77796047.420000002</v>
      </c>
      <c r="F122" s="13">
        <v>1535748.31</v>
      </c>
      <c r="G122" s="13">
        <v>58911221.039999999</v>
      </c>
      <c r="H122" s="12"/>
    </row>
    <row r="123" spans="1:8" x14ac:dyDescent="0.25">
      <c r="A123" s="2" t="s">
        <v>149</v>
      </c>
      <c r="B123" s="4" t="s">
        <v>954</v>
      </c>
      <c r="C123" s="13">
        <v>43075240.450000003</v>
      </c>
      <c r="D123" s="13">
        <v>40807555.450000003</v>
      </c>
      <c r="E123" s="13">
        <v>40807555.450000003</v>
      </c>
      <c r="F123" s="13">
        <v>2145500</v>
      </c>
      <c r="G123" s="13">
        <v>122185</v>
      </c>
      <c r="H123" s="12"/>
    </row>
    <row r="124" spans="1:8" x14ac:dyDescent="0.25">
      <c r="A124" s="2" t="s">
        <v>151</v>
      </c>
      <c r="B124" s="4" t="s">
        <v>955</v>
      </c>
      <c r="C124" s="13">
        <v>0</v>
      </c>
      <c r="D124" s="13">
        <v>0</v>
      </c>
      <c r="E124" s="13">
        <v>0</v>
      </c>
      <c r="F124" s="13">
        <v>0</v>
      </c>
      <c r="G124" s="13">
        <v>0</v>
      </c>
      <c r="H124" s="12"/>
    </row>
    <row r="125" spans="1:8" x14ac:dyDescent="0.25">
      <c r="C125" s="12"/>
      <c r="D125" s="12"/>
      <c r="E125" s="12"/>
      <c r="F125" s="12"/>
      <c r="G125" s="12"/>
      <c r="H125" s="12"/>
    </row>
    <row r="126" spans="1:8" x14ac:dyDescent="0.25">
      <c r="A126" s="10" t="s">
        <v>6</v>
      </c>
      <c r="B126" s="10" t="s">
        <v>956</v>
      </c>
      <c r="C126" s="14" t="s">
        <v>10</v>
      </c>
      <c r="D126" s="14" t="s">
        <v>600</v>
      </c>
      <c r="E126" s="12"/>
      <c r="F126" s="12"/>
      <c r="G126" s="12"/>
      <c r="H126" s="12"/>
    </row>
    <row r="127" spans="1:8" x14ac:dyDescent="0.25">
      <c r="A127" s="10" t="s">
        <v>7</v>
      </c>
      <c r="B127" s="10" t="s">
        <v>7</v>
      </c>
      <c r="C127" s="14" t="s">
        <v>7</v>
      </c>
      <c r="D127" s="14" t="s">
        <v>7</v>
      </c>
      <c r="E127" s="12"/>
      <c r="F127" s="12"/>
      <c r="G127" s="12"/>
      <c r="H127" s="12"/>
    </row>
    <row r="128" spans="1:8" x14ac:dyDescent="0.25">
      <c r="A128" s="3" t="s">
        <v>153</v>
      </c>
      <c r="B128" s="5" t="s">
        <v>957</v>
      </c>
      <c r="C128" s="11">
        <v>116196300</v>
      </c>
      <c r="D128" s="11">
        <v>59034530.710000001</v>
      </c>
      <c r="E128" s="12"/>
      <c r="F128" s="12"/>
      <c r="G128" s="12"/>
      <c r="H128" s="12"/>
    </row>
    <row r="129" spans="1:8" x14ac:dyDescent="0.25">
      <c r="A129" s="2" t="s">
        <v>154</v>
      </c>
      <c r="B129" s="4" t="s">
        <v>958</v>
      </c>
      <c r="C129" s="13">
        <v>51196300</v>
      </c>
      <c r="D129" s="13">
        <v>22455827.329999998</v>
      </c>
      <c r="E129" s="12"/>
      <c r="F129" s="12"/>
      <c r="G129" s="12"/>
      <c r="H129" s="12"/>
    </row>
    <row r="130" spans="1:8" x14ac:dyDescent="0.25">
      <c r="A130" s="2" t="s">
        <v>155</v>
      </c>
      <c r="B130" s="4" t="s">
        <v>959</v>
      </c>
      <c r="C130" s="13">
        <v>0</v>
      </c>
      <c r="D130" s="13">
        <v>36578703.380000003</v>
      </c>
      <c r="E130" s="12"/>
      <c r="F130" s="12"/>
      <c r="G130" s="12"/>
      <c r="H130" s="12"/>
    </row>
    <row r="131" spans="1:8" x14ac:dyDescent="0.25">
      <c r="A131" s="2" t="s">
        <v>157</v>
      </c>
      <c r="B131" s="4" t="s">
        <v>960</v>
      </c>
      <c r="C131" s="13">
        <v>20000000</v>
      </c>
      <c r="D131" s="13">
        <v>0</v>
      </c>
      <c r="E131" s="12"/>
      <c r="F131" s="12"/>
      <c r="G131" s="12"/>
      <c r="H131" s="12"/>
    </row>
    <row r="132" spans="1:8" x14ac:dyDescent="0.25">
      <c r="A132" s="2" t="s">
        <v>159</v>
      </c>
      <c r="B132" s="4" t="s">
        <v>961</v>
      </c>
      <c r="C132" s="13">
        <v>0</v>
      </c>
      <c r="D132" s="13">
        <v>0</v>
      </c>
      <c r="E132" s="12"/>
      <c r="F132" s="12"/>
      <c r="G132" s="12"/>
      <c r="H132" s="12"/>
    </row>
    <row r="133" spans="1:8" x14ac:dyDescent="0.25">
      <c r="A133" s="2" t="s">
        <v>161</v>
      </c>
      <c r="B133" s="4" t="s">
        <v>962</v>
      </c>
      <c r="C133" s="13">
        <v>45000000</v>
      </c>
      <c r="D133" s="13">
        <v>0</v>
      </c>
      <c r="E133" s="12"/>
      <c r="F133" s="12"/>
      <c r="G133" s="12"/>
      <c r="H133" s="12"/>
    </row>
    <row r="134" spans="1:8" x14ac:dyDescent="0.25">
      <c r="A134" s="2" t="s">
        <v>163</v>
      </c>
      <c r="B134" s="4" t="s">
        <v>963</v>
      </c>
      <c r="C134" s="13">
        <v>79782500</v>
      </c>
      <c r="D134" s="13">
        <v>26626576.960000001</v>
      </c>
      <c r="E134" s="12"/>
      <c r="F134" s="12"/>
      <c r="G134" s="12"/>
      <c r="H134" s="12"/>
    </row>
    <row r="135" spans="1:8" x14ac:dyDescent="0.25">
      <c r="A135" s="2" t="s">
        <v>165</v>
      </c>
      <c r="B135" s="4" t="s">
        <v>964</v>
      </c>
      <c r="C135" s="13">
        <v>0</v>
      </c>
      <c r="D135" s="13">
        <v>0</v>
      </c>
      <c r="E135" s="12"/>
      <c r="F135" s="12"/>
      <c r="G135" s="12"/>
      <c r="H135" s="12"/>
    </row>
    <row r="136" spans="1:8" x14ac:dyDescent="0.25">
      <c r="A136" s="2" t="s">
        <v>178</v>
      </c>
      <c r="B136" s="4" t="s">
        <v>965</v>
      </c>
      <c r="C136" s="13">
        <v>0</v>
      </c>
      <c r="D136" s="13">
        <v>0</v>
      </c>
      <c r="E136" s="12"/>
      <c r="F136" s="12"/>
      <c r="G136" s="12"/>
      <c r="H136" s="12"/>
    </row>
    <row r="137" spans="1:8" x14ac:dyDescent="0.25">
      <c r="A137" s="2" t="s">
        <v>180</v>
      </c>
      <c r="B137" s="4" t="s">
        <v>966</v>
      </c>
      <c r="C137" s="13">
        <v>50000</v>
      </c>
      <c r="D137" s="13">
        <v>534419.32999999996</v>
      </c>
      <c r="E137" s="12"/>
      <c r="F137" s="12"/>
      <c r="G137" s="12"/>
      <c r="H137" s="12"/>
    </row>
    <row r="138" spans="1:8" x14ac:dyDescent="0.25">
      <c r="A138" s="3" t="s">
        <v>182</v>
      </c>
      <c r="B138" s="5" t="s">
        <v>967</v>
      </c>
      <c r="C138" s="11">
        <v>196028800</v>
      </c>
      <c r="D138" s="11">
        <v>86195527</v>
      </c>
      <c r="E138" s="12"/>
      <c r="F138" s="12"/>
      <c r="G138" s="12"/>
      <c r="H138" s="12"/>
    </row>
    <row r="139" spans="1:8" x14ac:dyDescent="0.25">
      <c r="C139" s="12"/>
      <c r="D139" s="12"/>
      <c r="E139" s="12"/>
      <c r="F139" s="12"/>
      <c r="G139" s="12"/>
      <c r="H139" s="12"/>
    </row>
    <row r="140" spans="1:8" x14ac:dyDescent="0.25">
      <c r="A140" s="10" t="s">
        <v>6</v>
      </c>
      <c r="B140" s="10" t="s">
        <v>968</v>
      </c>
      <c r="C140" s="14" t="s">
        <v>622</v>
      </c>
      <c r="D140" s="14" t="s">
        <v>623</v>
      </c>
      <c r="E140" s="14" t="s">
        <v>624</v>
      </c>
      <c r="F140" s="14" t="s">
        <v>625</v>
      </c>
      <c r="G140" s="14" t="s">
        <v>887</v>
      </c>
      <c r="H140" s="12"/>
    </row>
    <row r="141" spans="1:8" x14ac:dyDescent="0.25">
      <c r="A141" s="10" t="s">
        <v>7</v>
      </c>
      <c r="B141" s="10" t="s">
        <v>7</v>
      </c>
      <c r="C141" s="14" t="s">
        <v>7</v>
      </c>
      <c r="D141" s="14" t="s">
        <v>7</v>
      </c>
      <c r="E141" s="14" t="s">
        <v>7</v>
      </c>
      <c r="F141" s="14" t="s">
        <v>7</v>
      </c>
      <c r="G141" s="14" t="s">
        <v>7</v>
      </c>
      <c r="H141" s="12"/>
    </row>
    <row r="142" spans="1:8" x14ac:dyDescent="0.25">
      <c r="A142" s="3" t="s">
        <v>184</v>
      </c>
      <c r="B142" s="5" t="s">
        <v>969</v>
      </c>
      <c r="C142" s="11">
        <v>0</v>
      </c>
      <c r="D142" s="11">
        <v>0</v>
      </c>
      <c r="E142" s="11">
        <v>0</v>
      </c>
      <c r="F142" s="11">
        <v>0</v>
      </c>
      <c r="G142" s="11">
        <v>0</v>
      </c>
      <c r="H142" s="12"/>
    </row>
    <row r="143" spans="1:8" x14ac:dyDescent="0.25">
      <c r="A143" s="2" t="s">
        <v>186</v>
      </c>
      <c r="B143" s="4" t="s">
        <v>970</v>
      </c>
      <c r="C143" s="13">
        <v>0</v>
      </c>
      <c r="D143" s="13">
        <v>0</v>
      </c>
      <c r="E143" s="13">
        <v>0</v>
      </c>
      <c r="F143" s="13">
        <v>0</v>
      </c>
      <c r="G143" s="13">
        <v>0</v>
      </c>
      <c r="H143" s="12"/>
    </row>
    <row r="144" spans="1:8" x14ac:dyDescent="0.25">
      <c r="A144" s="2" t="s">
        <v>188</v>
      </c>
      <c r="B144" s="4" t="s">
        <v>971</v>
      </c>
      <c r="C144" s="13">
        <v>0</v>
      </c>
      <c r="D144" s="13">
        <v>0</v>
      </c>
      <c r="E144" s="13">
        <v>0</v>
      </c>
      <c r="F144" s="13">
        <v>0</v>
      </c>
      <c r="G144" s="13">
        <v>0</v>
      </c>
      <c r="H144" s="12"/>
    </row>
    <row r="145" spans="1:8" x14ac:dyDescent="0.25">
      <c r="A145" s="2" t="s">
        <v>190</v>
      </c>
      <c r="B145" s="4" t="s">
        <v>972</v>
      </c>
      <c r="C145" s="13">
        <v>24389500.969999999</v>
      </c>
      <c r="D145" s="13">
        <v>11264875.9</v>
      </c>
      <c r="E145" s="13">
        <v>1375003</v>
      </c>
      <c r="F145" s="13">
        <v>1375003</v>
      </c>
      <c r="G145" s="13">
        <v>0</v>
      </c>
      <c r="H145" s="12"/>
    </row>
    <row r="146" spans="1:8" x14ac:dyDescent="0.25">
      <c r="A146" s="2" t="s">
        <v>192</v>
      </c>
      <c r="B146" s="4" t="s">
        <v>973</v>
      </c>
      <c r="C146" s="13">
        <v>170585099.03</v>
      </c>
      <c r="D146" s="13">
        <v>90115965.900000006</v>
      </c>
      <c r="E146" s="13">
        <v>45710496.659999996</v>
      </c>
      <c r="F146" s="13">
        <v>45579849.270000003</v>
      </c>
      <c r="G146" s="13">
        <v>0</v>
      </c>
      <c r="H146" s="12"/>
    </row>
    <row r="147" spans="1:8" x14ac:dyDescent="0.25">
      <c r="A147" s="2" t="s">
        <v>194</v>
      </c>
      <c r="B147" s="4" t="s">
        <v>974</v>
      </c>
      <c r="C147" s="13">
        <v>23890200</v>
      </c>
      <c r="D147" s="13">
        <v>6270925.4299999997</v>
      </c>
      <c r="E147" s="13">
        <v>1424501.05</v>
      </c>
      <c r="F147" s="13">
        <v>1248547.1299999999</v>
      </c>
      <c r="G147" s="13">
        <v>0</v>
      </c>
      <c r="H147" s="12"/>
    </row>
    <row r="148" spans="1:8" x14ac:dyDescent="0.25">
      <c r="A148" s="2" t="s">
        <v>196</v>
      </c>
      <c r="B148" s="4" t="s">
        <v>975</v>
      </c>
      <c r="C148" s="13">
        <v>11168000</v>
      </c>
      <c r="D148" s="13">
        <v>5040752.42</v>
      </c>
      <c r="E148" s="13">
        <v>3132590.97</v>
      </c>
      <c r="F148" s="13">
        <v>2939350.96</v>
      </c>
      <c r="G148" s="13">
        <v>0</v>
      </c>
      <c r="H148" s="12"/>
    </row>
    <row r="149" spans="1:8" x14ac:dyDescent="0.25">
      <c r="A149" s="3" t="s">
        <v>198</v>
      </c>
      <c r="B149" s="5" t="s">
        <v>976</v>
      </c>
      <c r="C149" s="11">
        <v>230032800</v>
      </c>
      <c r="D149" s="11">
        <v>112692519.65000001</v>
      </c>
      <c r="E149" s="11">
        <v>51642591.68</v>
      </c>
      <c r="F149" s="11">
        <v>51142750.359999999</v>
      </c>
      <c r="G149" s="11">
        <v>0</v>
      </c>
      <c r="H149" s="12"/>
    </row>
    <row r="150" spans="1:8" x14ac:dyDescent="0.25">
      <c r="C150" s="12"/>
      <c r="D150" s="12"/>
      <c r="E150" s="12"/>
      <c r="F150" s="12"/>
      <c r="G150" s="12"/>
      <c r="H150" s="12"/>
    </row>
    <row r="151" spans="1:8" x14ac:dyDescent="0.25">
      <c r="A151" s="10" t="s">
        <v>6</v>
      </c>
      <c r="B151" s="10" t="s">
        <v>977</v>
      </c>
      <c r="C151" s="14" t="s">
        <v>622</v>
      </c>
      <c r="D151" s="14" t="s">
        <v>623</v>
      </c>
      <c r="E151" s="14" t="s">
        <v>624</v>
      </c>
      <c r="F151" s="14" t="s">
        <v>625</v>
      </c>
      <c r="G151" s="14" t="s">
        <v>887</v>
      </c>
      <c r="H151" s="12"/>
    </row>
    <row r="152" spans="1:8" x14ac:dyDescent="0.25">
      <c r="A152" s="10" t="s">
        <v>7</v>
      </c>
      <c r="B152" s="10" t="s">
        <v>7</v>
      </c>
      <c r="C152" s="14" t="s">
        <v>7</v>
      </c>
      <c r="D152" s="14" t="s">
        <v>7</v>
      </c>
      <c r="E152" s="14" t="s">
        <v>7</v>
      </c>
      <c r="F152" s="14" t="s">
        <v>7</v>
      </c>
      <c r="G152" s="14" t="s">
        <v>7</v>
      </c>
      <c r="H152" s="12"/>
    </row>
    <row r="153" spans="1:8" x14ac:dyDescent="0.25">
      <c r="A153" s="3" t="s">
        <v>200</v>
      </c>
      <c r="B153" s="5" t="s">
        <v>978</v>
      </c>
      <c r="C153" s="11">
        <v>3167377400</v>
      </c>
      <c r="D153" s="11">
        <v>1741071099.5599999</v>
      </c>
      <c r="E153" s="11">
        <v>1463663650.1900001</v>
      </c>
      <c r="F153" s="11">
        <v>1402217006.8399999</v>
      </c>
      <c r="G153" s="11">
        <v>0</v>
      </c>
      <c r="H153" s="12"/>
    </row>
    <row r="154" spans="1:8" x14ac:dyDescent="0.25">
      <c r="A154" s="3" t="s">
        <v>202</v>
      </c>
      <c r="B154" s="5" t="s">
        <v>979</v>
      </c>
      <c r="C154" s="11">
        <v>2850927371</v>
      </c>
      <c r="D154" s="11">
        <v>1548005538.8800001</v>
      </c>
      <c r="E154" s="11">
        <v>1409307676.04</v>
      </c>
      <c r="F154" s="11">
        <v>1348335792.6900001</v>
      </c>
      <c r="G154" s="11">
        <v>0</v>
      </c>
      <c r="H154" s="12"/>
    </row>
    <row r="155" spans="1:8" x14ac:dyDescent="0.25">
      <c r="A155" s="2" t="s">
        <v>204</v>
      </c>
      <c r="B155" s="4" t="s">
        <v>980</v>
      </c>
      <c r="C155" s="13">
        <v>2301007000</v>
      </c>
      <c r="D155" s="13">
        <v>1229377752.4200001</v>
      </c>
      <c r="E155" s="13">
        <v>1208629158.3099999</v>
      </c>
      <c r="F155" s="13">
        <v>1152445942.1400001</v>
      </c>
      <c r="G155" s="13">
        <v>0</v>
      </c>
      <c r="H155" s="12"/>
    </row>
    <row r="156" spans="1:8" x14ac:dyDescent="0.25">
      <c r="A156" s="2" t="s">
        <v>206</v>
      </c>
      <c r="B156" s="4" t="s">
        <v>981</v>
      </c>
      <c r="C156" s="13">
        <v>0</v>
      </c>
      <c r="D156" s="13">
        <v>0</v>
      </c>
      <c r="E156" s="13">
        <v>0</v>
      </c>
      <c r="F156" s="13">
        <v>0</v>
      </c>
      <c r="G156" s="13">
        <v>0</v>
      </c>
      <c r="H156" s="12"/>
    </row>
    <row r="157" spans="1:8" x14ac:dyDescent="0.25">
      <c r="A157" s="2" t="s">
        <v>208</v>
      </c>
      <c r="B157" s="4" t="s">
        <v>982</v>
      </c>
      <c r="C157" s="13">
        <v>21399495</v>
      </c>
      <c r="D157" s="13">
        <v>19520364.890000001</v>
      </c>
      <c r="E157" s="13">
        <v>19520364.890000001</v>
      </c>
      <c r="F157" s="13">
        <v>19520364.890000001</v>
      </c>
      <c r="G157" s="13">
        <v>0</v>
      </c>
      <c r="H157" s="12"/>
    </row>
    <row r="158" spans="1:8" x14ac:dyDescent="0.25">
      <c r="A158" s="2" t="s">
        <v>210</v>
      </c>
      <c r="B158" s="4" t="s">
        <v>983</v>
      </c>
      <c r="C158" s="13">
        <v>528520876</v>
      </c>
      <c r="D158" s="13">
        <v>299107421.56999999</v>
      </c>
      <c r="E158" s="13">
        <v>181158152.84</v>
      </c>
      <c r="F158" s="13">
        <v>176369485.66</v>
      </c>
      <c r="G158" s="13">
        <v>0</v>
      </c>
      <c r="H158" s="12"/>
    </row>
    <row r="159" spans="1:8" x14ac:dyDescent="0.25">
      <c r="A159" s="3" t="s">
        <v>212</v>
      </c>
      <c r="B159" s="5" t="s">
        <v>984</v>
      </c>
      <c r="C159" s="11">
        <v>316450029</v>
      </c>
      <c r="D159" s="11">
        <v>193065560.68000001</v>
      </c>
      <c r="E159" s="11">
        <v>54355974.149999999</v>
      </c>
      <c r="F159" s="11">
        <v>53881214.149999999</v>
      </c>
      <c r="G159" s="11">
        <v>0</v>
      </c>
      <c r="H159" s="12"/>
    </row>
    <row r="160" spans="1:8" x14ac:dyDescent="0.25">
      <c r="A160" s="2" t="s">
        <v>214</v>
      </c>
      <c r="B160" s="4" t="s">
        <v>985</v>
      </c>
      <c r="C160" s="13">
        <v>0</v>
      </c>
      <c r="D160" s="13">
        <v>0</v>
      </c>
      <c r="E160" s="13">
        <v>0</v>
      </c>
      <c r="F160" s="13">
        <v>0</v>
      </c>
      <c r="G160" s="13">
        <v>0</v>
      </c>
      <c r="H160" s="12"/>
    </row>
    <row r="161" spans="1:8" x14ac:dyDescent="0.25">
      <c r="A161" s="2" t="s">
        <v>216</v>
      </c>
      <c r="B161" s="4" t="s">
        <v>986</v>
      </c>
      <c r="C161" s="13">
        <v>316450029</v>
      </c>
      <c r="D161" s="13">
        <v>193065560.68000001</v>
      </c>
      <c r="E161" s="13">
        <v>54355974.149999999</v>
      </c>
      <c r="F161" s="13">
        <v>53881214.149999999</v>
      </c>
      <c r="G161" s="13">
        <v>0</v>
      </c>
      <c r="H161" s="12"/>
    </row>
    <row r="162" spans="1:8" x14ac:dyDescent="0.25">
      <c r="C162" s="12"/>
      <c r="D162" s="12"/>
      <c r="E162" s="12"/>
      <c r="F162" s="12"/>
      <c r="G162" s="12"/>
      <c r="H162" s="12"/>
    </row>
    <row r="163" spans="1:8" x14ac:dyDescent="0.25">
      <c r="A163" s="10" t="s">
        <v>6</v>
      </c>
      <c r="B163" s="10" t="s">
        <v>987</v>
      </c>
      <c r="C163" s="14" t="s">
        <v>988</v>
      </c>
      <c r="D163" s="14" t="s">
        <v>989</v>
      </c>
      <c r="E163" s="12"/>
      <c r="F163" s="12"/>
      <c r="G163" s="12"/>
      <c r="H163" s="12"/>
    </row>
    <row r="164" spans="1:8" x14ac:dyDescent="0.25">
      <c r="A164" s="10" t="s">
        <v>7</v>
      </c>
      <c r="B164" s="10" t="s">
        <v>7</v>
      </c>
      <c r="C164" s="14" t="s">
        <v>7</v>
      </c>
      <c r="D164" s="14" t="s">
        <v>7</v>
      </c>
      <c r="E164" s="12"/>
      <c r="F164" s="12"/>
      <c r="G164" s="12"/>
      <c r="H164" s="12"/>
    </row>
    <row r="165" spans="1:8" x14ac:dyDescent="0.25">
      <c r="A165" s="2" t="s">
        <v>217</v>
      </c>
      <c r="B165" s="4" t="s">
        <v>990</v>
      </c>
      <c r="C165" s="13">
        <v>71668594.209999993</v>
      </c>
      <c r="D165" s="13">
        <v>6958817.5</v>
      </c>
      <c r="E165" s="12"/>
      <c r="F165" s="12"/>
      <c r="G165" s="12"/>
      <c r="H165" s="12"/>
    </row>
    <row r="166" spans="1:8" x14ac:dyDescent="0.25">
      <c r="A166" s="2" t="s">
        <v>218</v>
      </c>
      <c r="B166" s="4" t="s">
        <v>991</v>
      </c>
      <c r="C166" s="13">
        <v>793657278.17999995</v>
      </c>
      <c r="D166" s="13">
        <v>22455827.329999998</v>
      </c>
      <c r="E166" s="12"/>
      <c r="F166" s="12"/>
      <c r="G166" s="12"/>
      <c r="H166" s="12"/>
    </row>
    <row r="167" spans="1:8" x14ac:dyDescent="0.25">
      <c r="A167" s="2" t="s">
        <v>220</v>
      </c>
      <c r="B167" s="4" t="s">
        <v>992</v>
      </c>
      <c r="C167" s="13">
        <v>742381514</v>
      </c>
      <c r="D167" s="13">
        <v>29043886.469999999</v>
      </c>
      <c r="E167" s="12"/>
      <c r="F167" s="12"/>
      <c r="G167" s="12"/>
      <c r="H167" s="12"/>
    </row>
    <row r="168" spans="1:8" x14ac:dyDescent="0.25">
      <c r="A168" s="3" t="s">
        <v>222</v>
      </c>
      <c r="B168" s="5" t="s">
        <v>993</v>
      </c>
      <c r="C168" s="11">
        <v>122944358.39</v>
      </c>
      <c r="D168" s="11">
        <v>370758.36</v>
      </c>
      <c r="E168" s="12"/>
      <c r="F168" s="12"/>
      <c r="G168" s="12"/>
      <c r="H168" s="12"/>
    </row>
    <row r="169" spans="1:8" x14ac:dyDescent="0.25">
      <c r="A169" s="2" t="s">
        <v>224</v>
      </c>
      <c r="B169" s="4" t="s">
        <v>994</v>
      </c>
      <c r="C169" s="13">
        <v>11348115.960000001</v>
      </c>
      <c r="D169" s="13">
        <v>841668</v>
      </c>
      <c r="E169" s="12"/>
      <c r="F169" s="12"/>
      <c r="G169" s="12"/>
      <c r="H169" s="12"/>
    </row>
    <row r="170" spans="1:8" x14ac:dyDescent="0.25">
      <c r="A170" s="2" t="s">
        <v>227</v>
      </c>
      <c r="B170" s="4" t="s">
        <v>995</v>
      </c>
      <c r="C170" s="13">
        <v>0</v>
      </c>
      <c r="D170" s="13">
        <v>63199.48</v>
      </c>
      <c r="E170" s="12"/>
      <c r="F170" s="12"/>
      <c r="G170" s="12"/>
      <c r="H170" s="12"/>
    </row>
    <row r="171" spans="1:8" x14ac:dyDescent="0.25">
      <c r="A171" s="3" t="s">
        <v>229</v>
      </c>
      <c r="B171" s="5" t="s">
        <v>996</v>
      </c>
      <c r="C171" s="11">
        <v>134292474.34999999</v>
      </c>
      <c r="D171" s="11">
        <v>1149226.8799999999</v>
      </c>
      <c r="E171" s="12"/>
      <c r="F171" s="12"/>
      <c r="G171" s="12"/>
      <c r="H171" s="12"/>
    </row>
  </sheetData>
  <mergeCells count="106">
    <mergeCell ref="A163:A164"/>
    <mergeCell ref="B163:B164"/>
    <mergeCell ref="C163:C164"/>
    <mergeCell ref="D163:D164"/>
    <mergeCell ref="F140:F141"/>
    <mergeCell ref="G140:G141"/>
    <mergeCell ref="A151:A152"/>
    <mergeCell ref="B151:B152"/>
    <mergeCell ref="C151:C152"/>
    <mergeCell ref="D151:D152"/>
    <mergeCell ref="E151:E152"/>
    <mergeCell ref="F151:F152"/>
    <mergeCell ref="G151:G152"/>
    <mergeCell ref="A140:A141"/>
    <mergeCell ref="B140:B141"/>
    <mergeCell ref="C140:C141"/>
    <mergeCell ref="D140:D141"/>
    <mergeCell ref="E140:E141"/>
    <mergeCell ref="F119:F120"/>
    <mergeCell ref="G119:G120"/>
    <mergeCell ref="A126:A127"/>
    <mergeCell ref="B126:B127"/>
    <mergeCell ref="C126:C127"/>
    <mergeCell ref="D126:D127"/>
    <mergeCell ref="D115:D116"/>
    <mergeCell ref="E115:E116"/>
    <mergeCell ref="A119:A120"/>
    <mergeCell ref="B119:B120"/>
    <mergeCell ref="C119:C120"/>
    <mergeCell ref="D119:D120"/>
    <mergeCell ref="E119:E120"/>
    <mergeCell ref="A106:A107"/>
    <mergeCell ref="B106:B107"/>
    <mergeCell ref="C106:C107"/>
    <mergeCell ref="A115:A116"/>
    <mergeCell ref="B115:B116"/>
    <mergeCell ref="C115:C116"/>
    <mergeCell ref="F89:F90"/>
    <mergeCell ref="G89:G90"/>
    <mergeCell ref="H89:H90"/>
    <mergeCell ref="A95:A96"/>
    <mergeCell ref="B95:B96"/>
    <mergeCell ref="C95:C96"/>
    <mergeCell ref="D95:D96"/>
    <mergeCell ref="E95:E96"/>
    <mergeCell ref="F95:F96"/>
    <mergeCell ref="G95:G96"/>
    <mergeCell ref="A89:A90"/>
    <mergeCell ref="B89:B90"/>
    <mergeCell ref="C89:C90"/>
    <mergeCell ref="D89:D90"/>
    <mergeCell ref="E89:E90"/>
    <mergeCell ref="F80:F81"/>
    <mergeCell ref="A85:A86"/>
    <mergeCell ref="B85:B86"/>
    <mergeCell ref="C85:C86"/>
    <mergeCell ref="D85:D86"/>
    <mergeCell ref="E85:E86"/>
    <mergeCell ref="F85:F86"/>
    <mergeCell ref="A80:A81"/>
    <mergeCell ref="B80:B81"/>
    <mergeCell ref="C80:C81"/>
    <mergeCell ref="D80:D81"/>
    <mergeCell ref="E80:E81"/>
    <mergeCell ref="D62:D63"/>
    <mergeCell ref="E62:E63"/>
    <mergeCell ref="F62:F63"/>
    <mergeCell ref="G62:G63"/>
    <mergeCell ref="A72:A73"/>
    <mergeCell ref="B72:B73"/>
    <mergeCell ref="C72:C73"/>
    <mergeCell ref="D72:D73"/>
    <mergeCell ref="E72:E73"/>
    <mergeCell ref="F72:F73"/>
    <mergeCell ref="G72:G73"/>
    <mergeCell ref="A58:A59"/>
    <mergeCell ref="B58:B59"/>
    <mergeCell ref="C58:C59"/>
    <mergeCell ref="A62:A63"/>
    <mergeCell ref="B62:B63"/>
    <mergeCell ref="C62:C63"/>
    <mergeCell ref="A38:A39"/>
    <mergeCell ref="B38:B39"/>
    <mergeCell ref="C38:C39"/>
    <mergeCell ref="D38:D39"/>
    <mergeCell ref="A52:A53"/>
    <mergeCell ref="B52:B53"/>
    <mergeCell ref="C52:C53"/>
    <mergeCell ref="A30:A31"/>
    <mergeCell ref="B30:B31"/>
    <mergeCell ref="C30:C31"/>
    <mergeCell ref="D30:D31"/>
    <mergeCell ref="A34:A35"/>
    <mergeCell ref="B34:B35"/>
    <mergeCell ref="C34:C35"/>
    <mergeCell ref="D34:D35"/>
    <mergeCell ref="A9:H9"/>
    <mergeCell ref="A10:A11"/>
    <mergeCell ref="B10:B11"/>
    <mergeCell ref="C10:C11"/>
    <mergeCell ref="D10:D11"/>
    <mergeCell ref="A3:H3"/>
    <mergeCell ref="A4:H4"/>
    <mergeCell ref="A5:H5"/>
    <mergeCell ref="A6:H6"/>
    <mergeCell ref="A7:H7"/>
  </mergeCells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G36"/>
  <sheetViews>
    <sheetView showGridLines="0" workbookViewId="0"/>
  </sheetViews>
  <sheetFormatPr defaultRowHeight="15" x14ac:dyDescent="0.25"/>
  <cols>
    <col min="2" max="2" width="88.85546875" bestFit="1" customWidth="1"/>
  </cols>
  <sheetData>
    <row r="3" spans="1:7" x14ac:dyDescent="0.25">
      <c r="A3" s="6" t="s">
        <v>0</v>
      </c>
      <c r="B3" s="7"/>
      <c r="C3" s="7"/>
      <c r="D3" s="7"/>
      <c r="E3" s="7"/>
      <c r="F3" s="7"/>
      <c r="G3" s="7"/>
    </row>
    <row r="4" spans="1:7" x14ac:dyDescent="0.25">
      <c r="A4" s="6" t="s">
        <v>1</v>
      </c>
      <c r="B4" s="7"/>
      <c r="C4" s="7"/>
      <c r="D4" s="7"/>
      <c r="E4" s="7"/>
      <c r="F4" s="7"/>
      <c r="G4" s="7"/>
    </row>
    <row r="5" spans="1:7" x14ac:dyDescent="0.25">
      <c r="A5" s="8" t="s">
        <v>997</v>
      </c>
      <c r="B5" s="7"/>
      <c r="C5" s="7"/>
      <c r="D5" s="7"/>
      <c r="E5" s="7"/>
      <c r="F5" s="7"/>
      <c r="G5" s="7"/>
    </row>
    <row r="6" spans="1:7" x14ac:dyDescent="0.25">
      <c r="A6" s="6" t="s">
        <v>3</v>
      </c>
      <c r="B6" s="7"/>
      <c r="C6" s="7"/>
      <c r="D6" s="7"/>
      <c r="E6" s="7"/>
      <c r="F6" s="7"/>
      <c r="G6" s="7"/>
    </row>
    <row r="7" spans="1:7" x14ac:dyDescent="0.25">
      <c r="A7" s="6" t="s">
        <v>4</v>
      </c>
      <c r="B7" s="7"/>
      <c r="C7" s="7"/>
      <c r="D7" s="7"/>
      <c r="E7" s="7"/>
      <c r="F7" s="7"/>
      <c r="G7" s="7"/>
    </row>
    <row r="9" spans="1:7" x14ac:dyDescent="0.25">
      <c r="A9" s="9" t="s">
        <v>998</v>
      </c>
      <c r="B9" s="7"/>
      <c r="C9" s="7"/>
      <c r="D9" s="7"/>
      <c r="E9" s="7"/>
      <c r="F9" s="7"/>
      <c r="G9" s="7"/>
    </row>
    <row r="10" spans="1:7" x14ac:dyDescent="0.25">
      <c r="A10" s="10" t="s">
        <v>6</v>
      </c>
      <c r="B10" s="10" t="s">
        <v>999</v>
      </c>
      <c r="C10" s="10" t="s">
        <v>1000</v>
      </c>
      <c r="D10" s="10" t="s">
        <v>1001</v>
      </c>
      <c r="E10" s="10" t="s">
        <v>1002</v>
      </c>
      <c r="F10" s="10" t="s">
        <v>1003</v>
      </c>
      <c r="G10" s="10" t="s">
        <v>1004</v>
      </c>
    </row>
    <row r="11" spans="1:7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0" t="s">
        <v>7</v>
      </c>
      <c r="F11" s="10" t="s">
        <v>7</v>
      </c>
      <c r="G11" s="10" t="s">
        <v>7</v>
      </c>
    </row>
    <row r="12" spans="1:7" x14ac:dyDescent="0.25">
      <c r="A12" s="3" t="s">
        <v>17</v>
      </c>
      <c r="B12" s="5" t="s">
        <v>1005</v>
      </c>
      <c r="C12" s="11">
        <v>0</v>
      </c>
      <c r="D12" s="11">
        <v>0</v>
      </c>
      <c r="E12" s="11">
        <v>0</v>
      </c>
      <c r="F12" s="11">
        <v>0</v>
      </c>
      <c r="G12" s="11">
        <v>0</v>
      </c>
    </row>
    <row r="13" spans="1:7" x14ac:dyDescent="0.25">
      <c r="A13" s="2" t="s">
        <v>19</v>
      </c>
      <c r="B13" s="4" t="s">
        <v>1006</v>
      </c>
      <c r="C13" s="13">
        <v>0</v>
      </c>
      <c r="D13" s="13">
        <v>0</v>
      </c>
      <c r="E13" s="13">
        <v>0</v>
      </c>
      <c r="F13" s="13">
        <v>0</v>
      </c>
      <c r="G13" s="13">
        <v>0</v>
      </c>
    </row>
    <row r="14" spans="1:7" x14ac:dyDescent="0.25">
      <c r="A14" s="2" t="s">
        <v>21</v>
      </c>
      <c r="B14" s="4" t="s">
        <v>1007</v>
      </c>
      <c r="C14" s="13">
        <v>0</v>
      </c>
      <c r="D14" s="13">
        <v>0</v>
      </c>
      <c r="E14" s="13">
        <v>0</v>
      </c>
      <c r="F14" s="13">
        <v>0</v>
      </c>
      <c r="G14" s="13">
        <v>0</v>
      </c>
    </row>
    <row r="15" spans="1:7" x14ac:dyDescent="0.25">
      <c r="A15" s="2" t="s">
        <v>23</v>
      </c>
      <c r="B15" s="4" t="s">
        <v>1008</v>
      </c>
      <c r="C15" s="13">
        <v>0</v>
      </c>
      <c r="D15" s="13">
        <v>0</v>
      </c>
      <c r="E15" s="13">
        <v>0</v>
      </c>
      <c r="F15" s="13">
        <v>0</v>
      </c>
      <c r="G15" s="13">
        <v>0</v>
      </c>
    </row>
    <row r="16" spans="1:7" x14ac:dyDescent="0.25">
      <c r="A16" s="2" t="s">
        <v>25</v>
      </c>
      <c r="B16" s="4" t="s">
        <v>1009</v>
      </c>
      <c r="C16" s="13">
        <v>0</v>
      </c>
      <c r="D16" s="13">
        <v>0</v>
      </c>
      <c r="E16" s="13">
        <v>0</v>
      </c>
      <c r="F16" s="13">
        <v>0</v>
      </c>
      <c r="G16" s="13">
        <v>0</v>
      </c>
    </row>
    <row r="17" spans="1:7" x14ac:dyDescent="0.25">
      <c r="A17" s="2" t="s">
        <v>27</v>
      </c>
      <c r="B17" s="4" t="s">
        <v>1010</v>
      </c>
      <c r="C17" s="13">
        <v>0</v>
      </c>
      <c r="D17" s="13">
        <v>0</v>
      </c>
      <c r="E17" s="13">
        <v>0</v>
      </c>
      <c r="F17" s="13">
        <v>0</v>
      </c>
      <c r="G17" s="13">
        <v>0</v>
      </c>
    </row>
    <row r="18" spans="1:7" x14ac:dyDescent="0.25">
      <c r="A18" s="3" t="s">
        <v>29</v>
      </c>
      <c r="B18" s="5" t="s">
        <v>1011</v>
      </c>
      <c r="C18" s="11">
        <v>0</v>
      </c>
      <c r="D18" s="11">
        <v>0</v>
      </c>
      <c r="E18" s="11">
        <v>0</v>
      </c>
      <c r="F18" s="11">
        <v>0</v>
      </c>
      <c r="G18" s="11">
        <v>0</v>
      </c>
    </row>
    <row r="19" spans="1:7" x14ac:dyDescent="0.25">
      <c r="A19" s="2" t="s">
        <v>31</v>
      </c>
      <c r="B19" s="4" t="s">
        <v>1006</v>
      </c>
      <c r="C19" s="13">
        <v>0</v>
      </c>
      <c r="D19" s="13">
        <v>0</v>
      </c>
      <c r="E19" s="13">
        <v>0</v>
      </c>
      <c r="F19" s="13">
        <v>0</v>
      </c>
      <c r="G19" s="13">
        <v>0</v>
      </c>
    </row>
    <row r="20" spans="1:7" x14ac:dyDescent="0.25">
      <c r="A20" s="2" t="s">
        <v>33</v>
      </c>
      <c r="B20" s="4" t="s">
        <v>1007</v>
      </c>
      <c r="C20" s="13">
        <v>0</v>
      </c>
      <c r="D20" s="13">
        <v>0</v>
      </c>
      <c r="E20" s="13">
        <v>0</v>
      </c>
      <c r="F20" s="13">
        <v>0</v>
      </c>
      <c r="G20" s="13">
        <v>0</v>
      </c>
    </row>
    <row r="21" spans="1:7" x14ac:dyDescent="0.25">
      <c r="A21" s="2" t="s">
        <v>35</v>
      </c>
      <c r="B21" s="4" t="s">
        <v>1008</v>
      </c>
      <c r="C21" s="13">
        <v>0</v>
      </c>
      <c r="D21" s="13">
        <v>0</v>
      </c>
      <c r="E21" s="13">
        <v>0</v>
      </c>
      <c r="F21" s="13">
        <v>0</v>
      </c>
      <c r="G21" s="13">
        <v>0</v>
      </c>
    </row>
    <row r="22" spans="1:7" x14ac:dyDescent="0.25">
      <c r="A22" s="2" t="s">
        <v>37</v>
      </c>
      <c r="B22" s="4" t="s">
        <v>1009</v>
      </c>
      <c r="C22" s="13">
        <v>0</v>
      </c>
      <c r="D22" s="13">
        <v>0</v>
      </c>
      <c r="E22" s="13">
        <v>0</v>
      </c>
      <c r="F22" s="13">
        <v>0</v>
      </c>
      <c r="G22" s="13">
        <v>0</v>
      </c>
    </row>
    <row r="23" spans="1:7" x14ac:dyDescent="0.25">
      <c r="A23" s="2" t="s">
        <v>39</v>
      </c>
      <c r="B23" s="4" t="s">
        <v>1012</v>
      </c>
      <c r="C23" s="13">
        <v>0</v>
      </c>
      <c r="D23" s="13">
        <v>0</v>
      </c>
      <c r="E23" s="13">
        <v>0</v>
      </c>
      <c r="F23" s="13">
        <v>0</v>
      </c>
      <c r="G23" s="13">
        <v>0</v>
      </c>
    </row>
    <row r="24" spans="1:7" x14ac:dyDescent="0.25">
      <c r="A24" s="3" t="s">
        <v>41</v>
      </c>
      <c r="B24" s="5" t="s">
        <v>1013</v>
      </c>
      <c r="C24" s="11">
        <v>0</v>
      </c>
      <c r="D24" s="11">
        <v>0</v>
      </c>
      <c r="E24" s="11">
        <v>0</v>
      </c>
      <c r="F24" s="11">
        <v>0</v>
      </c>
      <c r="G24" s="11">
        <v>0</v>
      </c>
    </row>
    <row r="25" spans="1:7" x14ac:dyDescent="0.25">
      <c r="A25" s="2" t="s">
        <v>43</v>
      </c>
      <c r="B25" s="4" t="s">
        <v>1006</v>
      </c>
      <c r="C25" s="13">
        <v>0</v>
      </c>
      <c r="D25" s="13">
        <v>0</v>
      </c>
      <c r="E25" s="13">
        <v>0</v>
      </c>
      <c r="F25" s="13">
        <v>0</v>
      </c>
      <c r="G25" s="13">
        <v>0</v>
      </c>
    </row>
    <row r="26" spans="1:7" x14ac:dyDescent="0.25">
      <c r="A26" s="2" t="s">
        <v>45</v>
      </c>
      <c r="B26" s="4" t="s">
        <v>1007</v>
      </c>
      <c r="C26" s="13">
        <v>0</v>
      </c>
      <c r="D26" s="13">
        <v>0</v>
      </c>
      <c r="E26" s="13">
        <v>0</v>
      </c>
      <c r="F26" s="13">
        <v>0</v>
      </c>
      <c r="G26" s="13">
        <v>0</v>
      </c>
    </row>
    <row r="27" spans="1:7" x14ac:dyDescent="0.25">
      <c r="A27" s="2" t="s">
        <v>47</v>
      </c>
      <c r="B27" s="4" t="s">
        <v>1008</v>
      </c>
      <c r="C27" s="13">
        <v>0</v>
      </c>
      <c r="D27" s="13">
        <v>0</v>
      </c>
      <c r="E27" s="13">
        <v>0</v>
      </c>
      <c r="F27" s="13">
        <v>0</v>
      </c>
      <c r="G27" s="13">
        <v>0</v>
      </c>
    </row>
    <row r="28" spans="1:7" x14ac:dyDescent="0.25">
      <c r="A28" s="2" t="s">
        <v>49</v>
      </c>
      <c r="B28" s="4" t="s">
        <v>1009</v>
      </c>
      <c r="C28" s="13">
        <v>0</v>
      </c>
      <c r="D28" s="13">
        <v>0</v>
      </c>
      <c r="E28" s="13">
        <v>0</v>
      </c>
      <c r="F28" s="13">
        <v>0</v>
      </c>
      <c r="G28" s="13">
        <v>0</v>
      </c>
    </row>
    <row r="29" spans="1:7" x14ac:dyDescent="0.25">
      <c r="A29" s="2" t="s">
        <v>51</v>
      </c>
      <c r="B29" s="4" t="s">
        <v>1012</v>
      </c>
      <c r="C29" s="13">
        <v>0</v>
      </c>
      <c r="D29" s="13">
        <v>0</v>
      </c>
      <c r="E29" s="13">
        <v>0</v>
      </c>
      <c r="F29" s="13">
        <v>0</v>
      </c>
      <c r="G29" s="13">
        <v>0</v>
      </c>
    </row>
    <row r="30" spans="1:7" x14ac:dyDescent="0.25">
      <c r="A30" s="3" t="s">
        <v>53</v>
      </c>
      <c r="B30" s="5" t="s">
        <v>1014</v>
      </c>
      <c r="C30" s="11">
        <v>0</v>
      </c>
      <c r="D30" s="11">
        <v>0</v>
      </c>
      <c r="E30" s="11">
        <v>0</v>
      </c>
      <c r="F30" s="11">
        <v>0</v>
      </c>
      <c r="G30" s="11">
        <v>0</v>
      </c>
    </row>
    <row r="31" spans="1:7" x14ac:dyDescent="0.25">
      <c r="A31" s="2" t="s">
        <v>55</v>
      </c>
      <c r="B31" s="4" t="s">
        <v>1009</v>
      </c>
      <c r="C31" s="13">
        <v>0</v>
      </c>
      <c r="D31" s="13">
        <v>0</v>
      </c>
      <c r="E31" s="13">
        <v>0</v>
      </c>
      <c r="F31" s="13">
        <v>0</v>
      </c>
      <c r="G31" s="13">
        <v>0</v>
      </c>
    </row>
    <row r="32" spans="1:7" x14ac:dyDescent="0.25">
      <c r="A32" s="2" t="s">
        <v>57</v>
      </c>
      <c r="B32" s="4" t="s">
        <v>1012</v>
      </c>
      <c r="C32" s="13">
        <v>0</v>
      </c>
      <c r="D32" s="13">
        <v>0</v>
      </c>
      <c r="E32" s="13">
        <v>0</v>
      </c>
      <c r="F32" s="13">
        <v>0</v>
      </c>
      <c r="G32" s="13">
        <v>0</v>
      </c>
    </row>
    <row r="33" spans="1:7" x14ac:dyDescent="0.25">
      <c r="A33" s="3" t="s">
        <v>59</v>
      </c>
      <c r="B33" s="5" t="s">
        <v>1015</v>
      </c>
      <c r="C33" s="11">
        <v>0</v>
      </c>
      <c r="D33" s="11">
        <v>0</v>
      </c>
      <c r="E33" s="11">
        <v>0</v>
      </c>
      <c r="F33" s="11">
        <v>0</v>
      </c>
      <c r="G33" s="11">
        <v>0</v>
      </c>
    </row>
    <row r="34" spans="1:7" x14ac:dyDescent="0.25">
      <c r="A34" s="2" t="s">
        <v>61</v>
      </c>
      <c r="B34" s="4" t="s">
        <v>1009</v>
      </c>
      <c r="C34" s="13">
        <v>0</v>
      </c>
      <c r="D34" s="13">
        <v>0</v>
      </c>
      <c r="E34" s="13">
        <v>0</v>
      </c>
      <c r="F34" s="13">
        <v>0</v>
      </c>
      <c r="G34" s="13">
        <v>0</v>
      </c>
    </row>
    <row r="35" spans="1:7" x14ac:dyDescent="0.25">
      <c r="A35" s="2" t="s">
        <v>63</v>
      </c>
      <c r="B35" s="4" t="s">
        <v>1012</v>
      </c>
      <c r="C35" s="13">
        <v>0</v>
      </c>
      <c r="D35" s="13">
        <v>0</v>
      </c>
      <c r="E35" s="13">
        <v>0</v>
      </c>
      <c r="F35" s="13">
        <v>0</v>
      </c>
      <c r="G35" s="13">
        <v>0</v>
      </c>
    </row>
    <row r="36" spans="1:7" x14ac:dyDescent="0.25">
      <c r="A36" s="3" t="s">
        <v>65</v>
      </c>
      <c r="B36" s="5" t="s">
        <v>1016</v>
      </c>
      <c r="C36" s="11">
        <v>0</v>
      </c>
      <c r="D36" s="11">
        <v>0</v>
      </c>
      <c r="E36" s="11">
        <v>0</v>
      </c>
      <c r="F36" s="11">
        <v>0</v>
      </c>
      <c r="G36" s="11">
        <v>0</v>
      </c>
    </row>
  </sheetData>
  <mergeCells count="13">
    <mergeCell ref="A9:G9"/>
    <mergeCell ref="A10:A11"/>
    <mergeCell ref="B10:B11"/>
    <mergeCell ref="C10:C11"/>
    <mergeCell ref="D10:D11"/>
    <mergeCell ref="E10:E11"/>
    <mergeCell ref="F10:F11"/>
    <mergeCell ref="G10:G11"/>
    <mergeCell ref="A3:G3"/>
    <mergeCell ref="A4:G4"/>
    <mergeCell ref="A5:G5"/>
    <mergeCell ref="A6:G6"/>
    <mergeCell ref="A7:G7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3</vt:i4>
      </vt:variant>
    </vt:vector>
  </HeadingPairs>
  <TitlesOfParts>
    <vt:vector size="13" baseType="lpstr">
      <vt:lpstr>Anexo - 01 - Balanço Orçamentár</vt:lpstr>
      <vt:lpstr>Anexo - 01.1 - Despesas Corrent</vt:lpstr>
      <vt:lpstr>Anexo - 02 - Despesas por Funçã</vt:lpstr>
      <vt:lpstr>Anexo - 03 - Receita Corrente L</vt:lpstr>
      <vt:lpstr>Anexo - 04 - Receitas e Despesa</vt:lpstr>
      <vt:lpstr>Anexo - 06 - Resultado Primário</vt:lpstr>
      <vt:lpstr>Anexo - 07 - Restos a Pagar por</vt:lpstr>
      <vt:lpstr>Anexo - 08 - Receitas e Despesa</vt:lpstr>
      <vt:lpstr>Anexo - 08.1 - Despesa MDE-Cons</vt:lpstr>
      <vt:lpstr>Anexo - 12 - Receitas e Despesa</vt:lpstr>
      <vt:lpstr>Anexo - 12.1 - Despesas Saúde -</vt:lpstr>
      <vt:lpstr>Anexo - 13 - Parcerias Público-</vt:lpstr>
      <vt:lpstr>Anexo - 14 - Resumo Execução Or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Ricardo Pires de Abreu</cp:lastModifiedBy>
  <dcterms:created xsi:type="dcterms:W3CDTF">2022-07-27T18:28:28Z</dcterms:created>
  <dcterms:modified xsi:type="dcterms:W3CDTF">2022-07-27T18:33:41Z</dcterms:modified>
</cp:coreProperties>
</file>